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328"/>
  <workbookPr defaultThemeVersion="124226"/>
  <mc:AlternateContent xmlns:mc="http://schemas.openxmlformats.org/markup-compatibility/2006">
    <mc:Choice Requires="x15">
      <x15ac:absPath xmlns:x15ac="http://schemas.microsoft.com/office/spreadsheetml/2010/11/ac" url="C:\Users\i854701\Desktop\Sutherland\"/>
    </mc:Choice>
  </mc:AlternateContent>
  <xr:revisionPtr revIDLastSave="0" documentId="13_ncr:1_{E32B700A-09E7-4225-A91F-22CE5590E196}" xr6:coauthVersionLast="41" xr6:coauthVersionMax="41" xr10:uidLastSave="{00000000-0000-0000-0000-000000000000}"/>
  <bookViews>
    <workbookView xWindow="21480" yWindow="-120" windowWidth="21840" windowHeight="13740" xr2:uid="{00000000-000D-0000-FFFF-FFFF00000000}"/>
  </bookViews>
  <sheets>
    <sheet name="1-850" sheetId="6" r:id="rId1"/>
    <sheet name="2-810" sheetId="9" r:id="rId2"/>
    <sheet name="3-855" sheetId="2" r:id="rId3"/>
    <sheet name="4-856" sheetId="3" r:id="rId4"/>
  </sheets>
  <calcPr calcId="171027"/>
</workbook>
</file>

<file path=xl/sharedStrings.xml><?xml version="1.0" encoding="utf-8"?>
<sst xmlns="http://schemas.openxmlformats.org/spreadsheetml/2006/main" count="173" uniqueCount="147">
  <si>
    <t>Delta Requirements</t>
  </si>
  <si>
    <t>REF*FJ*1~</t>
  </si>
  <si>
    <t>ST*856*00001~</t>
  </si>
  <si>
    <t>GE*1*000341330~</t>
  </si>
  <si>
    <t>ST*850*0001~</t>
  </si>
  <si>
    <t>The data in this column identifies the specific and unique requirements from the sample transaction in column B.</t>
  </si>
  <si>
    <t>ST*810*00001~</t>
  </si>
  <si>
    <t>IEA*1*000601962~</t>
  </si>
  <si>
    <t>ST*855*00001~</t>
  </si>
  <si>
    <t>HL*1**S*1~</t>
  </si>
  <si>
    <t>HL*2*1*O*1~</t>
  </si>
  <si>
    <t>CTT*3~</t>
  </si>
  <si>
    <t>CUR*ZZ*USD~</t>
  </si>
  <si>
    <t>CTT*1~</t>
  </si>
  <si>
    <t>Ship From Address - Required</t>
  </si>
  <si>
    <t>Bill To Address - Required</t>
  </si>
  <si>
    <t>CUR*BY*USD~</t>
  </si>
  <si>
    <t>The data in this column identifies the specific and unique requirements from the transaction in column A.</t>
  </si>
  <si>
    <t>HL*3*2*I*0~</t>
  </si>
  <si>
    <t>SN1*1*1*EA~</t>
  </si>
  <si>
    <t>N9*ZZ**PUName~</t>
  </si>
  <si>
    <t>N9*ZZ**Req. Line No.~</t>
  </si>
  <si>
    <t>MSG*1~</t>
  </si>
  <si>
    <t>N9*ZZ**Requester~</t>
  </si>
  <si>
    <t>N9*ZZ**PR No.~</t>
  </si>
  <si>
    <t>N9*ZZ**QuoteReference~</t>
  </si>
  <si>
    <t>N9*ZZ**QuoteLineReference~</t>
  </si>
  <si>
    <t>CTT*1*1~</t>
  </si>
  <si>
    <t>Ship To Address - Required back on invoice</t>
  </si>
  <si>
    <t>Bill To Address - Required back on invoice</t>
  </si>
  <si>
    <t>ISA*00*          *00*          *01*AN01000114741  *ZZ*ARIBAEDI       *200113*0410*U*00401*000601962*0*T*&gt;~</t>
  </si>
  <si>
    <t>GS*IN*AN01000114741*AN01045931726*20200113*0410*000341330*X*004010~</t>
  </si>
  <si>
    <t>BIG*20191029*INV-8100-141859*20191025*0000002409***DI*00~</t>
  </si>
  <si>
    <t>REF*VN*Unknown~</t>
  </si>
  <si>
    <t>REF*ZZ*TaxInvoiceNumber*~</t>
  </si>
  <si>
    <t>REF*ZZ*paymentMethod*~</t>
  </si>
  <si>
    <t>REF*ZZ*BusinessUnit*USA01~</t>
  </si>
  <si>
    <t>N1*BT*Sutherland Global Services Inc.,*92*SHARE:JEFFRD~</t>
  </si>
  <si>
    <t>N3*Sutherland Global Services 1180 Jefferson Road*1180 Jefferson Road~</t>
  </si>
  <si>
    <t>N4*Rochester*Ne*14623*US~</t>
  </si>
  <si>
    <t>PER*CN**TE*5855865757~</t>
  </si>
  <si>
    <t>N1*RI*Genesys Telecommunication Laboratories:AR-USA-02*92*1000007490-AR-USA-02-4~</t>
  </si>
  <si>
    <t>N3*P.O. Box 201005*~</t>
  </si>
  <si>
    <t>N4*Dallas**75320-1005*US~</t>
  </si>
  <si>
    <t>N1*FR*Dallas4*92*1000007490-AR-USA-02-1~</t>
  </si>
  <si>
    <t>N3*P.O. Box 201005,*~</t>
  </si>
  <si>
    <t>N4*Dallas*TX*75320-1005*US~</t>
  </si>
  <si>
    <t>N1*SF*Dallas4*92*1000007490-AR-USA-02-1~</t>
  </si>
  <si>
    <t>PER*CN**TE*3970987~</t>
  </si>
  <si>
    <t>N1*ST*Sutherland Global Services Inc.,*92*SHARE:JEFFRD~</t>
  </si>
  <si>
    <t>N4*Rochester*NY*14623*US~</t>
  </si>
  <si>
    <t>DTM*003*20191029*1251~</t>
  </si>
  <si>
    <t>IT1*1*1*EA*236192**VP*NotAvailable*~</t>
  </si>
  <si>
    <t>PID*F****Genesys Business Care and support~</t>
  </si>
  <si>
    <t>REF*ZZ*GR Based Invoice*No~</t>
  </si>
  <si>
    <t>REF*ZZ*receiptID*~</t>
  </si>
  <si>
    <t>REF*ZZ*ReceiptLineNumber*~</t>
  </si>
  <si>
    <t>REF*ZZ*agencyLocationCode*~</t>
  </si>
  <si>
    <t>REF*ZZ*parentPOLineNumber*1~</t>
  </si>
  <si>
    <t>SAC*C*H850***1889536**********TotalItemTax*en~</t>
  </si>
  <si>
    <t>TXI*ST*18895.36~</t>
  </si>
  <si>
    <t>TDS*25508736~</t>
  </si>
  <si>
    <t>AMT*1*236192.00*D~</t>
  </si>
  <si>
    <t>AMT*N*255087.36*D~</t>
  </si>
  <si>
    <t>AMT*BAP*255087.36*D~</t>
  </si>
  <si>
    <t>AMT*GW*0.00*D~</t>
  </si>
  <si>
    <t>SAC*C*G830***0~</t>
  </si>
  <si>
    <t>SAC*C*H090***0~</t>
  </si>
  <si>
    <t>SAC*C*H850***1889536**********TotalTax *en~</t>
  </si>
  <si>
    <t>SE*48*00001~</t>
  </si>
  <si>
    <t>Remit To Address - Required</t>
  </si>
  <si>
    <t>Ship To Adress - Required</t>
  </si>
  <si>
    <t>ISA*00*          *00*          *ZZ*AN01405859438-T*ZZ*ARIBAEDI       *200113*0447*U*00401*000601962*0*T*&gt;~</t>
  </si>
  <si>
    <t>GS*SH*AN01405859438*AN01045931726*20200113*0447*000341330*X*004010~</t>
  </si>
  <si>
    <t>BSN*00*1119-20/330*20191112*213738*0004*09~</t>
  </si>
  <si>
    <t>DTM*011*20191112*223000~</t>
  </si>
  <si>
    <t>DTM*017*20191114*223000~</t>
  </si>
  <si>
    <t>TD5**2*PROFESSIONAL COURIERS*A*Professional couriers**ZZ*PRO9541017****AE~</t>
  </si>
  <si>
    <t>FOB*DF*ZZ*Other*ZZ*ZZZ*ZZ*@TP@TOD*ZZ*Prepaid-BySeller~</t>
  </si>
  <si>
    <t>N1*SF*Orisenc Technologies Private Limited*~</t>
  </si>
  <si>
    <t>N3*No, 5 Balu Nagar*Mogappair East~</t>
  </si>
  <si>
    <t>N4*Chennai*IN*600037*IN~</t>
  </si>
  <si>
    <t>N1*ST*Sutherland Global Services Pvt Ltd*2*SHARE:MALAD~</t>
  </si>
  <si>
    <t>N3*Sutherland Global Services Pvt Ltd 101, 201 - 202, 1st floor, Project Interface Building no. 16, Off link Road, Malad (West)*Building no. 16, Off link Road,~</t>
  </si>
  <si>
    <t>N3*Malad (West)~</t>
  </si>
  <si>
    <t>N4*Mumbai*IN*400064*IN~</t>
  </si>
  <si>
    <t>PER*CN*Tulasi SudhakarSutherland Global Services Pvt Ltd~</t>
  </si>
  <si>
    <t>PRF*0000000876***20191112~</t>
  </si>
  <si>
    <t>REF*ZZ*ext_ScheduleLineNo*~</t>
  </si>
  <si>
    <t>SE*22*00001~</t>
  </si>
  <si>
    <t>BAK*00*AT*0000002468*20191114****37495*20191114~</t>
  </si>
  <si>
    <t>SAC*C*H850***116414**********Not Available*en~</t>
  </si>
  <si>
    <t>DTM*ACK*20191114*093727~</t>
  </si>
  <si>
    <t>DTM*004*20191114*064405~</t>
  </si>
  <si>
    <t>N9*L1*en*Customer Notes~</t>
  </si>
  <si>
    <t>MSG*Deposit of $7,637.48 required~</t>
  </si>
  <si>
    <t>CTT*0~</t>
  </si>
  <si>
    <t>SE*10*00001~</t>
  </si>
  <si>
    <t>GS*PR*AN01015191366*AN01045931726*20200113*0455*000341330*X*004010~</t>
  </si>
  <si>
    <t>ISA*00*          *00*          *ZZ*AN01015191366*ZZ*ARIBAEDI       *200113*0455*U*00401*000601962*0*T*&gt;~</t>
  </si>
  <si>
    <t>ISA*00*          *00*          *ZZ*ARIBAEDI       *01*AN01036961352-T*200113*0936*U*00401*000000107*0*T*&gt;~</t>
  </si>
  <si>
    <t>GS*PO*AN01043479469*AN01036961352-T*20200113*0936*107*X*004010~</t>
  </si>
  <si>
    <t>BEG*00*NE*0000002409**20191225~</t>
  </si>
  <si>
    <t>REF*PO*0000002409~</t>
  </si>
  <si>
    <t>DTM*004*20191225*130334*PD~</t>
  </si>
  <si>
    <t>N9*ZZ**Payment Terms~</t>
  </si>
  <si>
    <t>MSG*Net 45~</t>
  </si>
  <si>
    <t>N9*ZZ**BusinessUnit~</t>
  </si>
  <si>
    <t>MSG*USA01~</t>
  </si>
  <si>
    <t>N9*ZZ**LogoURL~</t>
  </si>
  <si>
    <t>MSG*https://s1.ariba.com/Buyer/Main/ad/awres/sutherlandglobal-child1/PH_Logo_Update/images/Logo.png~</t>
  </si>
  <si>
    <t>N9*ZZ**placeOfSupply~</t>
  </si>
  <si>
    <t>PER*AP*work*TE*1 585 5865757~</t>
  </si>
  <si>
    <t>N2*Addison Robert E*Sutherland Global Services Inc.,~</t>
  </si>
  <si>
    <t>PER*RE*default*EM*robert.addison@sutherlandglobal.com~</t>
  </si>
  <si>
    <t>PER*RE*work*TE*1 585 5865757~</t>
  </si>
  <si>
    <t>N1*SE*Daly City3~</t>
  </si>
  <si>
    <t>N3*2001 Junipero Serra Blvd,~</t>
  </si>
  <si>
    <t>N4*Daly City*CA*94014*US~</t>
  </si>
  <si>
    <t>PER*CN*work*EM*Jim.Connolly@genesys.com*TE*1 397 0987~</t>
  </si>
  <si>
    <t>PO1*1*1*EA*236192**VP*Not Available*****C3*81112200~</t>
  </si>
  <si>
    <t>PID*F****Genesys Business Care and support for Disney****EN~</t>
  </si>
  <si>
    <t>PID*S*MAC*UN*81112200***SPSC~</t>
  </si>
  <si>
    <t>SAC*C*H850***1889536**********$18,895.36 USD*EN~</t>
  </si>
  <si>
    <t>SAC*N*B840***23619200********100-10000-SHARE:1309900**LISA~</t>
  </si>
  <si>
    <t>DTM*002*20191025~</t>
  </si>
  <si>
    <t>TXI*TX*18895.36~</t>
  </si>
  <si>
    <t>TXI*ZZ*18895.36*8*****236192**Sales/Use Tax~</t>
  </si>
  <si>
    <t>N9*ZZ**AmountBasedReceiving~</t>
  </si>
  <si>
    <t>MSG*Yes~</t>
  </si>
  <si>
    <t>N9*ZZ**Buyer Tax Registration No.~</t>
  </si>
  <si>
    <t>MSG*Addison Robert E~</t>
  </si>
  <si>
    <t>MSG*PR9824~</t>
  </si>
  <si>
    <t>N9*ZZ**Supplier Tax Registration No.~</t>
  </si>
  <si>
    <t>N9*ZZ**HSNSAC~</t>
  </si>
  <si>
    <t>AMT*TT*236192~</t>
  </si>
  <si>
    <t>SE*55*0001~</t>
  </si>
  <si>
    <t>GE*1*107~</t>
  </si>
  <si>
    <t>IEA*1*000000107~</t>
  </si>
  <si>
    <t>Sutherland Specific 850 (PO)</t>
  </si>
  <si>
    <t>The transaction below represents a Sutherland PO sample with specific and unique requirements for the Sutherland implementation.  Each section highlighted in blue is the specific EDI code that needs to be mapped by the supplier.
Please note: all data is contained within this transaction is dummy data and does not neccesarily apply to individual suppliers.</t>
  </si>
  <si>
    <t>Sutherland Specific 810 (Invoice)</t>
  </si>
  <si>
    <t>The transaction below represents a Sutherland invoice sample with specific and unique requirements for this implementation.  Each section highlighted in blue is the specific EDI code that needs to be mapped by the supplier to adhere to Sutherland requirements.
Please note: all data is contained within this transaction is dummy data and does not neccesarily apply to individual suppliers.</t>
  </si>
  <si>
    <t>Sutherland Specific 855 (Order Confirmation)</t>
  </si>
  <si>
    <t>The transaction below represents a Sutherland Order Confirmation sample with specific and unique requirements for this implementation.  Each section highlighted in blue is the specific EDI code that needs to be mapped by the supplier to adhere to Sutherland requirements.
Please note: all data is contained within this transaction is dummy data and does not neccesarily apply to individual suppliers.</t>
  </si>
  <si>
    <t>Sutherland Specific 856 (Advance Ship Notice)</t>
  </si>
  <si>
    <t>The transaction below represents a Sutherland Advance Ship Notice sample with specific and unique requirements for this implementation.  Each section highlighted in blue is the specific EDI code that needs to be mapped by the supplier to adhere to Sutherland requirements.
Please note: all data is contained within this transaction is dummy data and does not neccesarily apply to individual supplie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1"/>
      <color theme="1"/>
      <name val="Calibri"/>
      <family val="2"/>
      <scheme val="minor"/>
    </font>
    <font>
      <sz val="10"/>
      <color theme="1"/>
      <name val="Arial"/>
      <family val="2"/>
    </font>
    <font>
      <sz val="10"/>
      <color rgb="FF000000"/>
      <name val="Arial"/>
      <family val="2"/>
    </font>
    <font>
      <sz val="14"/>
      <color rgb="FF000000"/>
      <name val="Arial"/>
      <family val="2"/>
    </font>
    <font>
      <sz val="11"/>
      <color theme="1"/>
      <name val="Arial"/>
      <family val="2"/>
    </font>
    <font>
      <b/>
      <sz val="10"/>
      <color rgb="FFFF0000"/>
      <name val="Arial"/>
      <family val="2"/>
    </font>
    <font>
      <sz val="10"/>
      <color theme="1"/>
      <name val="Arial Unicode MS"/>
      <family val="2"/>
    </font>
    <font>
      <b/>
      <sz val="11"/>
      <color rgb="FFFF0000"/>
      <name val="Calibri"/>
      <family val="2"/>
      <scheme val="minor"/>
    </font>
    <font>
      <sz val="10"/>
      <color rgb="FF000000"/>
      <name val="Arial Unicode MS"/>
    </font>
    <font>
      <sz val="11"/>
      <color rgb="FF000000"/>
      <name val="Arial Unicode MS"/>
    </font>
    <font>
      <b/>
      <sz val="11"/>
      <color rgb="FFFF0000"/>
      <name val="Arial"/>
      <family val="2"/>
    </font>
  </fonts>
  <fills count="5">
    <fill>
      <patternFill patternType="none"/>
    </fill>
    <fill>
      <patternFill patternType="gray125"/>
    </fill>
    <fill>
      <patternFill patternType="solid">
        <fgColor theme="0"/>
        <bgColor indexed="64"/>
      </patternFill>
    </fill>
    <fill>
      <patternFill patternType="solid">
        <fgColor rgb="FFB8CCE4"/>
        <bgColor indexed="64"/>
      </patternFill>
    </fill>
    <fill>
      <patternFill patternType="solid">
        <fgColor theme="8" tint="0.79998168889431442"/>
        <bgColor indexed="64"/>
      </patternFill>
    </fill>
  </fills>
  <borders count="16">
    <border>
      <left/>
      <right/>
      <top/>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right/>
      <top style="thin">
        <color indexed="64"/>
      </top>
      <bottom/>
      <diagonal/>
    </border>
    <border>
      <left/>
      <right/>
      <top/>
      <bottom style="thin">
        <color indexed="64"/>
      </bottom>
      <diagonal/>
    </border>
    <border>
      <left style="medium">
        <color indexed="64"/>
      </left>
      <right style="medium">
        <color indexed="64"/>
      </right>
      <top/>
      <bottom/>
      <diagonal/>
    </border>
  </borders>
  <cellStyleXfs count="1">
    <xf numFmtId="0" fontId="0" fillId="0" borderId="0"/>
  </cellStyleXfs>
  <cellXfs count="53">
    <xf numFmtId="0" fontId="0" fillId="0" borderId="0" xfId="0"/>
    <xf numFmtId="0" fontId="1" fillId="0" borderId="0" xfId="0" applyFont="1"/>
    <xf numFmtId="0" fontId="1" fillId="0" borderId="0" xfId="0" applyFont="1" applyBorder="1"/>
    <xf numFmtId="0" fontId="0" fillId="0" borderId="0" xfId="0" applyBorder="1"/>
    <xf numFmtId="0" fontId="3" fillId="3" borderId="12" xfId="0" applyFont="1" applyFill="1" applyBorder="1" applyAlignment="1">
      <alignment horizontal="center" vertical="center" wrapText="1"/>
    </xf>
    <xf numFmtId="0" fontId="3" fillId="3" borderId="1" xfId="0" applyFont="1" applyFill="1" applyBorder="1" applyAlignment="1">
      <alignment horizontal="center" vertical="center" wrapText="1"/>
    </xf>
    <xf numFmtId="0" fontId="4" fillId="0" borderId="0" xfId="0" applyFont="1"/>
    <xf numFmtId="0" fontId="3" fillId="3" borderId="15" xfId="0" applyFont="1" applyFill="1" applyBorder="1" applyAlignment="1">
      <alignment horizontal="center" vertical="center" wrapText="1"/>
    </xf>
    <xf numFmtId="0" fontId="0" fillId="0" borderId="0" xfId="0"/>
    <xf numFmtId="0" fontId="2" fillId="2" borderId="2" xfId="0" applyFont="1" applyFill="1" applyBorder="1" applyAlignment="1">
      <alignment horizontal="left" vertical="top" wrapText="1"/>
    </xf>
    <xf numFmtId="0" fontId="1" fillId="2" borderId="0" xfId="0" applyFont="1" applyFill="1"/>
    <xf numFmtId="0" fontId="3" fillId="2" borderId="0" xfId="0" applyFont="1" applyFill="1" applyBorder="1" applyAlignment="1">
      <alignment horizontal="center" vertical="center" wrapText="1"/>
    </xf>
    <xf numFmtId="0" fontId="0" fillId="2" borderId="0" xfId="0" applyFill="1"/>
    <xf numFmtId="0" fontId="5" fillId="0" borderId="4" xfId="0" applyFont="1" applyBorder="1" applyAlignment="1">
      <alignment horizontal="center"/>
    </xf>
    <xf numFmtId="0" fontId="5" fillId="0" borderId="8" xfId="0" applyFont="1" applyBorder="1" applyAlignment="1">
      <alignment horizontal="center"/>
    </xf>
    <xf numFmtId="0" fontId="5" fillId="0" borderId="6" xfId="0" applyFont="1" applyBorder="1" applyAlignment="1">
      <alignment horizontal="center"/>
    </xf>
    <xf numFmtId="0" fontId="5" fillId="0" borderId="13" xfId="0" applyFont="1" applyBorder="1" applyAlignment="1">
      <alignment horizontal="center"/>
    </xf>
    <xf numFmtId="0" fontId="5" fillId="0" borderId="0" xfId="0" applyFont="1" applyBorder="1" applyAlignment="1">
      <alignment horizontal="center"/>
    </xf>
    <xf numFmtId="0" fontId="1" fillId="0" borderId="4" xfId="0" applyFont="1" applyBorder="1"/>
    <xf numFmtId="0" fontId="8" fillId="4" borderId="3" xfId="0" applyFont="1" applyFill="1" applyBorder="1" applyAlignment="1">
      <alignment vertical="center"/>
    </xf>
    <xf numFmtId="0" fontId="8" fillId="4" borderId="5" xfId="0" applyFont="1" applyFill="1" applyBorder="1" applyAlignment="1">
      <alignment vertical="center"/>
    </xf>
    <xf numFmtId="0" fontId="8" fillId="4" borderId="7" xfId="0" applyFont="1" applyFill="1" applyBorder="1" applyAlignment="1">
      <alignment vertical="center"/>
    </xf>
    <xf numFmtId="0" fontId="5" fillId="0" borderId="14" xfId="0" applyFont="1" applyBorder="1" applyAlignment="1">
      <alignment horizontal="center"/>
    </xf>
    <xf numFmtId="0" fontId="8" fillId="0" borderId="4" xfId="0" applyFont="1" applyBorder="1" applyAlignment="1">
      <alignment vertical="center"/>
    </xf>
    <xf numFmtId="0" fontId="8" fillId="0" borderId="6" xfId="0" applyFont="1" applyBorder="1" applyAlignment="1">
      <alignment vertical="center"/>
    </xf>
    <xf numFmtId="0" fontId="8" fillId="0" borderId="9" xfId="0" applyFont="1" applyFill="1" applyBorder="1" applyAlignment="1">
      <alignment vertical="center"/>
    </xf>
    <xf numFmtId="0" fontId="8" fillId="0" borderId="10" xfId="0" applyFont="1" applyFill="1" applyBorder="1" applyAlignment="1">
      <alignment vertical="center"/>
    </xf>
    <xf numFmtId="0" fontId="8" fillId="0" borderId="11" xfId="0" applyFont="1" applyFill="1" applyBorder="1" applyAlignment="1">
      <alignment vertical="center"/>
    </xf>
    <xf numFmtId="0" fontId="7" fillId="0" borderId="0" xfId="0" applyFont="1" applyBorder="1" applyAlignment="1">
      <alignment horizontal="center"/>
    </xf>
    <xf numFmtId="0" fontId="4" fillId="0" borderId="4" xfId="0" applyFont="1" applyBorder="1"/>
    <xf numFmtId="0" fontId="4" fillId="0" borderId="6" xfId="0" applyFont="1" applyBorder="1"/>
    <xf numFmtId="0" fontId="4" fillId="0" borderId="8" xfId="0" applyFont="1" applyBorder="1"/>
    <xf numFmtId="0" fontId="9" fillId="4" borderId="3" xfId="0" applyFont="1" applyFill="1" applyBorder="1" applyAlignment="1">
      <alignment horizontal="left" vertical="center"/>
    </xf>
    <xf numFmtId="0" fontId="9" fillId="4" borderId="5" xfId="0" applyFont="1" applyFill="1" applyBorder="1" applyAlignment="1">
      <alignment horizontal="left" vertical="center"/>
    </xf>
    <xf numFmtId="0" fontId="9" fillId="4" borderId="7" xfId="0" applyFont="1" applyFill="1" applyBorder="1" applyAlignment="1">
      <alignment horizontal="left" vertical="center"/>
    </xf>
    <xf numFmtId="0" fontId="5" fillId="0" borderId="6" xfId="0" applyFont="1" applyBorder="1" applyAlignment="1">
      <alignment horizontal="center" wrapText="1"/>
    </xf>
    <xf numFmtId="0" fontId="9" fillId="0" borderId="9" xfId="0" applyFont="1" applyBorder="1" applyAlignment="1">
      <alignment horizontal="left" vertical="center"/>
    </xf>
    <xf numFmtId="0" fontId="9" fillId="0" borderId="10" xfId="0" applyFont="1" applyBorder="1" applyAlignment="1">
      <alignment horizontal="left" vertical="center"/>
    </xf>
    <xf numFmtId="0" fontId="9" fillId="0" borderId="11" xfId="0" applyFont="1" applyBorder="1" applyAlignment="1">
      <alignment horizontal="left" vertical="center"/>
    </xf>
    <xf numFmtId="0" fontId="5" fillId="0" borderId="14" xfId="0" applyFont="1" applyBorder="1" applyAlignment="1">
      <alignment horizontal="center" vertical="center"/>
    </xf>
    <xf numFmtId="0" fontId="1" fillId="0" borderId="6" xfId="0" applyFont="1" applyBorder="1"/>
    <xf numFmtId="0" fontId="8" fillId="0" borderId="9" xfId="0" applyFont="1" applyBorder="1" applyAlignment="1">
      <alignment vertical="center"/>
    </xf>
    <xf numFmtId="0" fontId="8" fillId="0" borderId="10" xfId="0" applyFont="1" applyBorder="1" applyAlignment="1">
      <alignment vertical="center"/>
    </xf>
    <xf numFmtId="0" fontId="1" fillId="0" borderId="10" xfId="0" applyFont="1" applyBorder="1"/>
    <xf numFmtId="0" fontId="1" fillId="0" borderId="11" xfId="0" applyFont="1" applyBorder="1"/>
    <xf numFmtId="0" fontId="0" fillId="0" borderId="13" xfId="0" applyBorder="1"/>
    <xf numFmtId="0" fontId="0" fillId="0" borderId="10" xfId="0" applyBorder="1"/>
    <xf numFmtId="0" fontId="0" fillId="0" borderId="11" xfId="0" applyBorder="1"/>
    <xf numFmtId="0" fontId="7" fillId="0" borderId="0" xfId="0" applyFont="1" applyFill="1" applyBorder="1" applyAlignment="1">
      <alignment horizontal="center"/>
    </xf>
    <xf numFmtId="0" fontId="6" fillId="0" borderId="11" xfId="0" applyFont="1" applyBorder="1"/>
    <xf numFmtId="0" fontId="5" fillId="0" borderId="4" xfId="0" applyFont="1" applyBorder="1" applyAlignment="1">
      <alignment horizontal="center" wrapText="1"/>
    </xf>
    <xf numFmtId="0" fontId="10" fillId="0" borderId="6" xfId="0" applyFont="1" applyBorder="1" applyAlignment="1">
      <alignment horizontal="center"/>
    </xf>
    <xf numFmtId="0" fontId="5" fillId="0" borderId="5" xfId="0" applyFont="1" applyBorder="1" applyAlignment="1">
      <alignment horizontal="center" wrapText="1"/>
    </xf>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10"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customXml" Target="../customXml/item2.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Q401"/>
  <sheetViews>
    <sheetView tabSelected="1" zoomScale="90" zoomScaleNormal="90" workbookViewId="0"/>
  </sheetViews>
  <sheetFormatPr defaultRowHeight="15"/>
  <cols>
    <col min="1" max="1" width="106.28515625" bestFit="1" customWidth="1"/>
    <col min="2" max="2" width="51.85546875" bestFit="1" customWidth="1"/>
  </cols>
  <sheetData>
    <row r="1" spans="1:43" ht="36" customHeight="1" thickBot="1">
      <c r="A1" s="7" t="s">
        <v>139</v>
      </c>
      <c r="B1" s="4" t="s">
        <v>0</v>
      </c>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row>
    <row r="2" spans="1:43" s="10" customFormat="1" ht="83.25" customHeight="1">
      <c r="A2" s="9" t="s">
        <v>140</v>
      </c>
      <c r="B2" s="9" t="s">
        <v>5</v>
      </c>
      <c r="C2" s="8"/>
      <c r="D2" s="8"/>
      <c r="E2" s="8"/>
      <c r="F2" s="8"/>
      <c r="G2" s="8"/>
      <c r="H2" s="8"/>
      <c r="I2" s="8"/>
      <c r="J2" s="8"/>
      <c r="K2" s="8"/>
      <c r="L2" s="8"/>
      <c r="M2" s="8"/>
      <c r="N2" s="8"/>
      <c r="O2" s="8"/>
      <c r="P2" s="8"/>
      <c r="Q2" s="8"/>
      <c r="R2" s="8"/>
      <c r="S2" s="8"/>
      <c r="T2" s="8"/>
      <c r="U2" s="8"/>
      <c r="V2" s="8"/>
      <c r="W2" s="8"/>
      <c r="X2" s="8"/>
      <c r="Y2" s="8"/>
      <c r="Z2" s="8"/>
      <c r="AA2" s="8"/>
      <c r="AB2" s="8"/>
      <c r="AC2" s="8"/>
      <c r="AD2" s="8"/>
      <c r="AE2" s="8"/>
      <c r="AF2" s="8"/>
      <c r="AG2" s="8"/>
      <c r="AH2" s="8"/>
      <c r="AI2" s="8"/>
      <c r="AJ2" s="8"/>
      <c r="AK2" s="8"/>
      <c r="AL2" s="8"/>
      <c r="AM2" s="8"/>
      <c r="AN2" s="8"/>
      <c r="AO2" s="8"/>
      <c r="AP2" s="8"/>
      <c r="AQ2" s="8"/>
    </row>
    <row r="3" spans="1:43" s="12" customFormat="1" ht="21" customHeight="1">
      <c r="A3" s="36" t="s">
        <v>100</v>
      </c>
      <c r="B3" s="11"/>
      <c r="C3" s="8"/>
      <c r="D3" s="8"/>
      <c r="E3" s="8"/>
      <c r="F3" s="8"/>
      <c r="G3" s="8"/>
      <c r="H3" s="8"/>
      <c r="I3" s="8"/>
      <c r="J3" s="8"/>
      <c r="K3" s="8"/>
      <c r="L3" s="8"/>
      <c r="M3" s="8"/>
      <c r="N3" s="8"/>
      <c r="O3" s="8"/>
      <c r="P3" s="8"/>
      <c r="Q3" s="8"/>
      <c r="R3" s="8"/>
      <c r="S3" s="8"/>
      <c r="T3" s="8"/>
      <c r="U3" s="8"/>
      <c r="V3" s="8"/>
      <c r="W3" s="8"/>
      <c r="X3" s="8"/>
      <c r="Y3" s="8"/>
      <c r="Z3" s="8"/>
      <c r="AA3" s="8"/>
      <c r="AB3" s="8"/>
      <c r="AC3" s="8"/>
      <c r="AD3" s="8"/>
      <c r="AE3" s="8"/>
      <c r="AF3" s="8"/>
      <c r="AG3" s="8"/>
      <c r="AH3" s="8"/>
      <c r="AI3" s="8"/>
      <c r="AJ3" s="8"/>
      <c r="AK3" s="8"/>
      <c r="AL3" s="8"/>
      <c r="AM3" s="8"/>
      <c r="AN3" s="8"/>
      <c r="AO3" s="8"/>
      <c r="AP3" s="8"/>
      <c r="AQ3" s="8"/>
    </row>
    <row r="4" spans="1:43">
      <c r="A4" s="37" t="s">
        <v>101</v>
      </c>
      <c r="B4" s="6"/>
      <c r="C4" s="8"/>
      <c r="D4" s="8"/>
      <c r="E4" s="8"/>
      <c r="F4" s="8"/>
      <c r="G4" s="8"/>
      <c r="H4" s="8"/>
      <c r="I4" s="8"/>
      <c r="J4" s="8"/>
      <c r="K4" s="8"/>
      <c r="L4" s="8"/>
      <c r="M4" s="8"/>
      <c r="N4" s="8"/>
      <c r="O4" s="8"/>
      <c r="P4" s="8"/>
      <c r="Q4" s="8"/>
      <c r="R4" s="8"/>
      <c r="S4" s="8"/>
      <c r="T4" s="8"/>
      <c r="U4" s="8"/>
      <c r="V4" s="8"/>
      <c r="W4" s="8"/>
      <c r="X4" s="8"/>
      <c r="Y4" s="8"/>
      <c r="Z4" s="8"/>
      <c r="AA4" s="8"/>
      <c r="AB4" s="8"/>
      <c r="AC4" s="8"/>
      <c r="AD4" s="8"/>
      <c r="AE4" s="8"/>
      <c r="AF4" s="8"/>
      <c r="AG4" s="8"/>
      <c r="AH4" s="8"/>
      <c r="AI4" s="8"/>
      <c r="AJ4" s="8"/>
      <c r="AK4" s="8"/>
      <c r="AL4" s="8"/>
      <c r="AM4" s="8"/>
      <c r="AN4" s="8"/>
      <c r="AO4" s="8"/>
      <c r="AP4" s="8"/>
      <c r="AQ4" s="8"/>
    </row>
    <row r="5" spans="1:43">
      <c r="A5" s="37" t="s">
        <v>4</v>
      </c>
      <c r="B5" s="6"/>
      <c r="C5" s="8"/>
      <c r="D5" s="8"/>
      <c r="E5" s="8"/>
      <c r="F5" s="8"/>
      <c r="G5" s="8"/>
      <c r="H5" s="8"/>
      <c r="I5" s="8"/>
      <c r="J5" s="8"/>
      <c r="K5" s="8"/>
      <c r="L5" s="8"/>
      <c r="M5" s="8"/>
      <c r="N5" s="8"/>
      <c r="O5" s="8"/>
      <c r="P5" s="8"/>
      <c r="Q5" s="8"/>
      <c r="R5" s="8"/>
      <c r="S5" s="8"/>
      <c r="T5" s="8"/>
      <c r="U5" s="8"/>
      <c r="V5" s="8"/>
      <c r="W5" s="8"/>
      <c r="X5" s="8"/>
      <c r="Y5" s="8"/>
      <c r="Z5" s="8"/>
      <c r="AA5" s="8"/>
      <c r="AB5" s="8"/>
      <c r="AC5" s="8"/>
      <c r="AD5" s="8"/>
      <c r="AE5" s="8"/>
      <c r="AF5" s="8"/>
      <c r="AG5" s="8"/>
      <c r="AH5" s="8"/>
      <c r="AI5" s="8"/>
      <c r="AJ5" s="8"/>
      <c r="AK5" s="8"/>
      <c r="AL5" s="8"/>
      <c r="AM5" s="8"/>
      <c r="AN5" s="8"/>
      <c r="AO5" s="8"/>
      <c r="AP5" s="8"/>
      <c r="AQ5" s="8"/>
    </row>
    <row r="6" spans="1:43">
      <c r="A6" s="37" t="s">
        <v>102</v>
      </c>
      <c r="B6" s="6"/>
      <c r="C6" s="8"/>
      <c r="D6" s="8"/>
      <c r="E6" s="8"/>
      <c r="F6" s="8"/>
      <c r="G6" s="8"/>
      <c r="H6" s="8"/>
      <c r="I6" s="8"/>
      <c r="J6" s="8"/>
      <c r="K6" s="8"/>
      <c r="L6" s="8"/>
      <c r="M6" s="8"/>
      <c r="N6" s="8"/>
      <c r="O6" s="8"/>
      <c r="P6" s="8"/>
      <c r="Q6" s="8"/>
      <c r="R6" s="8"/>
      <c r="S6" s="8"/>
      <c r="T6" s="8"/>
      <c r="U6" s="8"/>
      <c r="V6" s="8"/>
      <c r="W6" s="8"/>
      <c r="X6" s="8"/>
      <c r="Y6" s="8"/>
      <c r="Z6" s="8"/>
      <c r="AA6" s="8"/>
      <c r="AB6" s="8"/>
      <c r="AC6" s="8"/>
      <c r="AD6" s="8"/>
      <c r="AE6" s="8"/>
      <c r="AF6" s="8"/>
      <c r="AG6" s="8"/>
      <c r="AH6" s="8"/>
      <c r="AI6" s="8"/>
      <c r="AJ6" s="8"/>
      <c r="AK6" s="8"/>
      <c r="AL6" s="8"/>
      <c r="AM6" s="8"/>
      <c r="AN6" s="8"/>
      <c r="AO6" s="8"/>
      <c r="AP6" s="8"/>
      <c r="AQ6" s="8"/>
    </row>
    <row r="7" spans="1:43">
      <c r="A7" s="37" t="s">
        <v>16</v>
      </c>
      <c r="B7" s="6"/>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c r="AM7" s="8"/>
      <c r="AN7" s="8"/>
      <c r="AO7" s="8"/>
      <c r="AP7" s="8"/>
      <c r="AQ7" s="8"/>
    </row>
    <row r="8" spans="1:43">
      <c r="A8" s="37" t="s">
        <v>103</v>
      </c>
      <c r="B8" s="6"/>
      <c r="C8" s="8"/>
      <c r="D8" s="8"/>
      <c r="E8" s="8"/>
      <c r="F8" s="8"/>
      <c r="G8" s="8"/>
      <c r="H8" s="8"/>
      <c r="I8" s="8"/>
      <c r="J8" s="8"/>
      <c r="K8" s="8"/>
      <c r="L8" s="8"/>
      <c r="M8" s="8"/>
      <c r="N8" s="8"/>
      <c r="O8" s="8"/>
      <c r="P8" s="8"/>
      <c r="Q8" s="8"/>
      <c r="R8" s="8"/>
      <c r="S8" s="8"/>
      <c r="T8" s="8"/>
      <c r="U8" s="8"/>
      <c r="V8" s="8"/>
      <c r="W8" s="8"/>
      <c r="X8" s="8"/>
      <c r="Y8" s="8"/>
      <c r="Z8" s="8"/>
      <c r="AA8" s="8"/>
      <c r="AB8" s="8"/>
      <c r="AC8" s="8"/>
      <c r="AD8" s="8"/>
      <c r="AE8" s="8"/>
      <c r="AF8" s="8"/>
      <c r="AG8" s="8"/>
      <c r="AH8" s="8"/>
      <c r="AI8" s="8"/>
      <c r="AJ8" s="8"/>
      <c r="AK8" s="8"/>
      <c r="AL8" s="8"/>
      <c r="AM8" s="8"/>
      <c r="AN8" s="8"/>
      <c r="AO8" s="8"/>
      <c r="AP8" s="8"/>
      <c r="AQ8" s="8"/>
    </row>
    <row r="9" spans="1:43">
      <c r="A9" s="37" t="s">
        <v>104</v>
      </c>
      <c r="B9" s="6"/>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c r="AP9" s="8"/>
      <c r="AQ9" s="8"/>
    </row>
    <row r="10" spans="1:43">
      <c r="A10" s="37" t="s">
        <v>105</v>
      </c>
      <c r="B10" s="52"/>
    </row>
    <row r="11" spans="1:43">
      <c r="A11" s="37" t="s">
        <v>106</v>
      </c>
      <c r="B11" s="6"/>
    </row>
    <row r="12" spans="1:43">
      <c r="A12" s="37" t="s">
        <v>107</v>
      </c>
      <c r="B12" s="6"/>
    </row>
    <row r="13" spans="1:43">
      <c r="A13" s="37" t="s">
        <v>108</v>
      </c>
      <c r="B13" s="6"/>
    </row>
    <row r="14" spans="1:43">
      <c r="A14" s="37" t="s">
        <v>109</v>
      </c>
      <c r="B14" s="6"/>
    </row>
    <row r="15" spans="1:43">
      <c r="A15" s="37" t="s">
        <v>110</v>
      </c>
      <c r="B15" s="6"/>
    </row>
    <row r="16" spans="1:43">
      <c r="A16" s="37" t="s">
        <v>20</v>
      </c>
      <c r="B16" s="6"/>
    </row>
    <row r="17" spans="1:2">
      <c r="A17" s="37" t="s">
        <v>108</v>
      </c>
      <c r="B17" s="6"/>
    </row>
    <row r="18" spans="1:2">
      <c r="A18" s="38" t="s">
        <v>111</v>
      </c>
      <c r="B18" s="6"/>
    </row>
    <row r="19" spans="1:2">
      <c r="A19" s="32" t="s">
        <v>37</v>
      </c>
      <c r="B19" s="29"/>
    </row>
    <row r="20" spans="1:2">
      <c r="A20" s="33" t="s">
        <v>38</v>
      </c>
      <c r="B20" s="35" t="s">
        <v>29</v>
      </c>
    </row>
    <row r="21" spans="1:2">
      <c r="A21" s="33" t="s">
        <v>50</v>
      </c>
      <c r="B21" s="30"/>
    </row>
    <row r="22" spans="1:2">
      <c r="A22" s="34" t="s">
        <v>112</v>
      </c>
      <c r="B22" s="31"/>
    </row>
    <row r="23" spans="1:2">
      <c r="A23" s="32" t="s">
        <v>49</v>
      </c>
      <c r="B23" s="50"/>
    </row>
    <row r="24" spans="1:2">
      <c r="A24" s="33" t="s">
        <v>113</v>
      </c>
      <c r="B24" s="51" t="s">
        <v>28</v>
      </c>
    </row>
    <row r="25" spans="1:2">
      <c r="A25" s="33" t="s">
        <v>38</v>
      </c>
      <c r="B25" s="30"/>
    </row>
    <row r="26" spans="1:2">
      <c r="A26" s="33" t="s">
        <v>39</v>
      </c>
      <c r="B26" s="30"/>
    </row>
    <row r="27" spans="1:2">
      <c r="A27" s="33" t="s">
        <v>114</v>
      </c>
      <c r="B27" s="30"/>
    </row>
    <row r="28" spans="1:2">
      <c r="A28" s="34" t="s">
        <v>115</v>
      </c>
      <c r="B28" s="31"/>
    </row>
    <row r="29" spans="1:2">
      <c r="A29" s="36" t="s">
        <v>116</v>
      </c>
      <c r="B29" s="6"/>
    </row>
    <row r="30" spans="1:2">
      <c r="A30" s="37" t="s">
        <v>117</v>
      </c>
      <c r="B30" s="6"/>
    </row>
    <row r="31" spans="1:2">
      <c r="A31" s="37" t="s">
        <v>118</v>
      </c>
      <c r="B31" s="6"/>
    </row>
    <row r="32" spans="1:2">
      <c r="A32" s="37" t="s">
        <v>119</v>
      </c>
      <c r="B32" s="6"/>
    </row>
    <row r="33" spans="1:2">
      <c r="A33" s="37" t="s">
        <v>120</v>
      </c>
      <c r="B33" s="6"/>
    </row>
    <row r="34" spans="1:2">
      <c r="A34" s="37" t="s">
        <v>16</v>
      </c>
      <c r="B34" s="6"/>
    </row>
    <row r="35" spans="1:2">
      <c r="A35" s="37" t="s">
        <v>121</v>
      </c>
      <c r="B35" s="6"/>
    </row>
    <row r="36" spans="1:2">
      <c r="A36" s="37" t="s">
        <v>122</v>
      </c>
      <c r="B36" s="6"/>
    </row>
    <row r="37" spans="1:2">
      <c r="A37" s="37" t="s">
        <v>123</v>
      </c>
      <c r="B37" s="6"/>
    </row>
    <row r="38" spans="1:2">
      <c r="A38" s="37" t="s">
        <v>16</v>
      </c>
      <c r="B38" s="6"/>
    </row>
    <row r="39" spans="1:2">
      <c r="A39" s="37" t="s">
        <v>124</v>
      </c>
      <c r="B39" s="6"/>
    </row>
    <row r="40" spans="1:2">
      <c r="A40" s="37" t="s">
        <v>16</v>
      </c>
      <c r="B40" s="6"/>
    </row>
    <row r="41" spans="1:2">
      <c r="A41" s="37" t="s">
        <v>125</v>
      </c>
      <c r="B41" s="6"/>
    </row>
    <row r="42" spans="1:2">
      <c r="A42" s="37" t="s">
        <v>126</v>
      </c>
      <c r="B42" s="6"/>
    </row>
    <row r="43" spans="1:2">
      <c r="A43" s="37" t="s">
        <v>127</v>
      </c>
      <c r="B43" s="6"/>
    </row>
    <row r="44" spans="1:2">
      <c r="A44" s="37" t="s">
        <v>128</v>
      </c>
      <c r="B44" s="6"/>
    </row>
    <row r="45" spans="1:2">
      <c r="A45" s="37" t="s">
        <v>129</v>
      </c>
      <c r="B45" s="6"/>
    </row>
    <row r="46" spans="1:2">
      <c r="A46" s="37" t="s">
        <v>130</v>
      </c>
      <c r="B46" s="6"/>
    </row>
    <row r="47" spans="1:2">
      <c r="A47" s="37" t="s">
        <v>21</v>
      </c>
      <c r="B47" s="6"/>
    </row>
    <row r="48" spans="1:2">
      <c r="A48" s="37" t="s">
        <v>22</v>
      </c>
      <c r="B48" s="6"/>
    </row>
    <row r="49" spans="1:2">
      <c r="A49" s="37" t="s">
        <v>23</v>
      </c>
      <c r="B49" s="6"/>
    </row>
    <row r="50" spans="1:2">
      <c r="A50" s="37" t="s">
        <v>131</v>
      </c>
      <c r="B50" s="6"/>
    </row>
    <row r="51" spans="1:2">
      <c r="A51" s="37" t="s">
        <v>24</v>
      </c>
      <c r="B51" s="6"/>
    </row>
    <row r="52" spans="1:2">
      <c r="A52" s="37" t="s">
        <v>132</v>
      </c>
      <c r="B52" s="6"/>
    </row>
    <row r="53" spans="1:2">
      <c r="A53" s="37" t="s">
        <v>133</v>
      </c>
      <c r="B53" s="6"/>
    </row>
    <row r="54" spans="1:2">
      <c r="A54" s="37" t="s">
        <v>134</v>
      </c>
      <c r="B54" s="6"/>
    </row>
    <row r="55" spans="1:2">
      <c r="A55" s="37" t="s">
        <v>25</v>
      </c>
      <c r="B55" s="6"/>
    </row>
    <row r="56" spans="1:2">
      <c r="A56" s="37" t="s">
        <v>26</v>
      </c>
      <c r="B56" s="6"/>
    </row>
    <row r="57" spans="1:2">
      <c r="A57" s="37" t="s">
        <v>27</v>
      </c>
      <c r="B57" s="6"/>
    </row>
    <row r="58" spans="1:2">
      <c r="A58" s="37" t="s">
        <v>135</v>
      </c>
      <c r="B58" s="6"/>
    </row>
    <row r="59" spans="1:2">
      <c r="A59" s="37" t="s">
        <v>136</v>
      </c>
      <c r="B59" s="6"/>
    </row>
    <row r="60" spans="1:2">
      <c r="A60" s="37" t="s">
        <v>137</v>
      </c>
      <c r="B60" s="6"/>
    </row>
    <row r="61" spans="1:2">
      <c r="A61" s="38" t="s">
        <v>138</v>
      </c>
      <c r="B61" s="6"/>
    </row>
    <row r="62" spans="1:2">
      <c r="A62" s="8"/>
      <c r="B62" s="6"/>
    </row>
    <row r="63" spans="1:2">
      <c r="A63" s="8"/>
      <c r="B63" s="6"/>
    </row>
    <row r="64" spans="1:2">
      <c r="A64" s="8"/>
      <c r="B64" s="6"/>
    </row>
    <row r="65" spans="1:2">
      <c r="A65" s="8"/>
      <c r="B65" s="6"/>
    </row>
    <row r="66" spans="1:2">
      <c r="A66" s="8"/>
      <c r="B66" s="6"/>
    </row>
    <row r="67" spans="1:2">
      <c r="A67" s="8"/>
      <c r="B67" s="6"/>
    </row>
    <row r="68" spans="1:2">
      <c r="A68" s="8"/>
      <c r="B68" s="6"/>
    </row>
    <row r="69" spans="1:2">
      <c r="A69" s="8"/>
      <c r="B69" s="6"/>
    </row>
    <row r="70" spans="1:2">
      <c r="A70" s="8"/>
      <c r="B70" s="6"/>
    </row>
    <row r="71" spans="1:2">
      <c r="A71" s="8"/>
      <c r="B71" s="6"/>
    </row>
    <row r="72" spans="1:2">
      <c r="A72" s="8"/>
      <c r="B72" s="6"/>
    </row>
    <row r="73" spans="1:2">
      <c r="A73" s="8"/>
      <c r="B73" s="6"/>
    </row>
    <row r="74" spans="1:2">
      <c r="A74" s="8"/>
      <c r="B74" s="6"/>
    </row>
    <row r="75" spans="1:2">
      <c r="A75" s="8"/>
      <c r="B75" s="6"/>
    </row>
    <row r="76" spans="1:2">
      <c r="A76" s="8"/>
      <c r="B76" s="6"/>
    </row>
    <row r="77" spans="1:2">
      <c r="A77" s="8"/>
      <c r="B77" s="6"/>
    </row>
    <row r="78" spans="1:2">
      <c r="A78" s="8"/>
      <c r="B78" s="6"/>
    </row>
    <row r="79" spans="1:2">
      <c r="A79" s="8"/>
      <c r="B79" s="6"/>
    </row>
    <row r="80" spans="1:2">
      <c r="A80" s="8"/>
      <c r="B80" s="6"/>
    </row>
    <row r="81" spans="1:2">
      <c r="A81" s="8"/>
      <c r="B81" s="6"/>
    </row>
    <row r="82" spans="1:2">
      <c r="A82" s="8"/>
      <c r="B82" s="6"/>
    </row>
    <row r="83" spans="1:2">
      <c r="A83" s="8"/>
      <c r="B83" s="6"/>
    </row>
    <row r="84" spans="1:2">
      <c r="B84" s="6"/>
    </row>
    <row r="85" spans="1:2">
      <c r="B85" s="6"/>
    </row>
    <row r="86" spans="1:2">
      <c r="B86" s="6"/>
    </row>
    <row r="87" spans="1:2">
      <c r="B87" s="6"/>
    </row>
    <row r="88" spans="1:2">
      <c r="B88" s="6"/>
    </row>
    <row r="89" spans="1:2">
      <c r="B89" s="6"/>
    </row>
    <row r="90" spans="1:2">
      <c r="A90" s="6"/>
      <c r="B90" s="6"/>
    </row>
    <row r="91" spans="1:2">
      <c r="A91" s="6"/>
      <c r="B91" s="6"/>
    </row>
    <row r="92" spans="1:2">
      <c r="A92" s="6"/>
      <c r="B92" s="6"/>
    </row>
    <row r="93" spans="1:2">
      <c r="A93" s="6"/>
      <c r="B93" s="6"/>
    </row>
    <row r="94" spans="1:2">
      <c r="A94" s="6"/>
      <c r="B94" s="6"/>
    </row>
    <row r="95" spans="1:2">
      <c r="A95" s="6"/>
      <c r="B95" s="6"/>
    </row>
    <row r="96" spans="1:2">
      <c r="A96" s="6"/>
      <c r="B96" s="6"/>
    </row>
    <row r="97" spans="1:2">
      <c r="A97" s="6"/>
      <c r="B97" s="6"/>
    </row>
    <row r="98" spans="1:2">
      <c r="A98" s="6"/>
      <c r="B98" s="6"/>
    </row>
    <row r="99" spans="1:2">
      <c r="A99" s="6"/>
      <c r="B99" s="6"/>
    </row>
    <row r="100" spans="1:2">
      <c r="A100" s="6"/>
      <c r="B100" s="6"/>
    </row>
    <row r="101" spans="1:2">
      <c r="A101" s="6"/>
      <c r="B101" s="6"/>
    </row>
    <row r="102" spans="1:2">
      <c r="A102" s="6"/>
      <c r="B102" s="6"/>
    </row>
    <row r="103" spans="1:2">
      <c r="A103" s="6"/>
      <c r="B103" s="6"/>
    </row>
    <row r="104" spans="1:2">
      <c r="A104" s="6"/>
      <c r="B104" s="6"/>
    </row>
    <row r="105" spans="1:2">
      <c r="A105" s="6"/>
      <c r="B105" s="6"/>
    </row>
    <row r="106" spans="1:2">
      <c r="A106" s="6"/>
      <c r="B106" s="6"/>
    </row>
    <row r="107" spans="1:2">
      <c r="A107" s="6"/>
      <c r="B107" s="6"/>
    </row>
    <row r="108" spans="1:2">
      <c r="A108" s="6"/>
      <c r="B108" s="6"/>
    </row>
    <row r="109" spans="1:2">
      <c r="A109" s="6"/>
      <c r="B109" s="6"/>
    </row>
    <row r="110" spans="1:2">
      <c r="A110" s="6"/>
      <c r="B110" s="6"/>
    </row>
    <row r="111" spans="1:2">
      <c r="A111" s="6"/>
      <c r="B111" s="6"/>
    </row>
    <row r="112" spans="1:2">
      <c r="A112" s="6"/>
      <c r="B112" s="6"/>
    </row>
    <row r="113" spans="1:2">
      <c r="A113" s="6"/>
      <c r="B113" s="6"/>
    </row>
    <row r="114" spans="1:2">
      <c r="A114" s="6"/>
      <c r="B114" s="6"/>
    </row>
    <row r="115" spans="1:2">
      <c r="A115" s="6"/>
      <c r="B115" s="6"/>
    </row>
    <row r="116" spans="1:2">
      <c r="A116" s="6"/>
      <c r="B116" s="6"/>
    </row>
    <row r="117" spans="1:2">
      <c r="A117" s="6"/>
      <c r="B117" s="6"/>
    </row>
    <row r="118" spans="1:2">
      <c r="A118" s="6"/>
      <c r="B118" s="6"/>
    </row>
    <row r="119" spans="1:2">
      <c r="A119" s="6"/>
      <c r="B119" s="6"/>
    </row>
    <row r="120" spans="1:2">
      <c r="A120" s="6"/>
      <c r="B120" s="6"/>
    </row>
    <row r="121" spans="1:2">
      <c r="A121" s="6"/>
      <c r="B121" s="6"/>
    </row>
    <row r="122" spans="1:2">
      <c r="A122" s="6"/>
      <c r="B122" s="6"/>
    </row>
    <row r="123" spans="1:2">
      <c r="A123" s="6"/>
      <c r="B123" s="6"/>
    </row>
    <row r="124" spans="1:2">
      <c r="A124" s="6"/>
      <c r="B124" s="6"/>
    </row>
    <row r="125" spans="1:2">
      <c r="A125" s="6"/>
      <c r="B125" s="6"/>
    </row>
    <row r="126" spans="1:2">
      <c r="A126" s="6"/>
      <c r="B126" s="6"/>
    </row>
    <row r="127" spans="1:2">
      <c r="A127" s="6"/>
      <c r="B127" s="6"/>
    </row>
    <row r="128" spans="1:2">
      <c r="A128" s="6"/>
      <c r="B128" s="6"/>
    </row>
    <row r="129" spans="1:2">
      <c r="A129" s="6"/>
      <c r="B129" s="6"/>
    </row>
    <row r="130" spans="1:2">
      <c r="A130" s="6"/>
      <c r="B130" s="6"/>
    </row>
    <row r="131" spans="1:2">
      <c r="A131" s="6"/>
      <c r="B131" s="6"/>
    </row>
    <row r="132" spans="1:2">
      <c r="A132" s="6"/>
      <c r="B132" s="6"/>
    </row>
    <row r="133" spans="1:2">
      <c r="A133" s="6"/>
      <c r="B133" s="6"/>
    </row>
    <row r="134" spans="1:2">
      <c r="A134" s="6"/>
      <c r="B134" s="6"/>
    </row>
    <row r="135" spans="1:2">
      <c r="A135" s="6"/>
      <c r="B135" s="6"/>
    </row>
    <row r="136" spans="1:2">
      <c r="A136" s="6"/>
      <c r="B136" s="6"/>
    </row>
    <row r="137" spans="1:2">
      <c r="A137" s="6"/>
      <c r="B137" s="6"/>
    </row>
    <row r="138" spans="1:2">
      <c r="A138" s="6"/>
      <c r="B138" s="6"/>
    </row>
    <row r="139" spans="1:2">
      <c r="A139" s="6"/>
      <c r="B139" s="6"/>
    </row>
    <row r="140" spans="1:2">
      <c r="A140" s="6"/>
      <c r="B140" s="6"/>
    </row>
    <row r="141" spans="1:2">
      <c r="A141" s="6"/>
      <c r="B141" s="6"/>
    </row>
    <row r="142" spans="1:2">
      <c r="A142" s="6"/>
      <c r="B142" s="6"/>
    </row>
    <row r="143" spans="1:2">
      <c r="A143" s="6"/>
      <c r="B143" s="6"/>
    </row>
    <row r="144" spans="1:2">
      <c r="A144" s="6"/>
      <c r="B144" s="6"/>
    </row>
    <row r="145" spans="1:2">
      <c r="A145" s="6"/>
      <c r="B145" s="6"/>
    </row>
    <row r="146" spans="1:2">
      <c r="A146" s="6"/>
      <c r="B146" s="6"/>
    </row>
    <row r="147" spans="1:2">
      <c r="A147" s="6"/>
      <c r="B147" s="6"/>
    </row>
    <row r="148" spans="1:2">
      <c r="A148" s="6"/>
      <c r="B148" s="6"/>
    </row>
    <row r="149" spans="1:2">
      <c r="A149" s="6"/>
      <c r="B149" s="6"/>
    </row>
    <row r="150" spans="1:2">
      <c r="A150" s="6"/>
      <c r="B150" s="6"/>
    </row>
    <row r="151" spans="1:2">
      <c r="A151" s="6"/>
      <c r="B151" s="6"/>
    </row>
    <row r="152" spans="1:2">
      <c r="A152" s="6"/>
      <c r="B152" s="6"/>
    </row>
    <row r="153" spans="1:2">
      <c r="A153" s="6"/>
      <c r="B153" s="6"/>
    </row>
    <row r="154" spans="1:2">
      <c r="A154" s="6"/>
      <c r="B154" s="6"/>
    </row>
    <row r="155" spans="1:2">
      <c r="A155" s="6"/>
      <c r="B155" s="6"/>
    </row>
    <row r="156" spans="1:2">
      <c r="A156" s="6"/>
      <c r="B156" s="6"/>
    </row>
    <row r="157" spans="1:2">
      <c r="A157" s="6"/>
      <c r="B157" s="6"/>
    </row>
    <row r="158" spans="1:2">
      <c r="A158" s="6"/>
      <c r="B158" s="6"/>
    </row>
    <row r="159" spans="1:2">
      <c r="A159" s="6"/>
      <c r="B159" s="6"/>
    </row>
    <row r="160" spans="1:2">
      <c r="A160" s="6"/>
      <c r="B160" s="6"/>
    </row>
    <row r="161" spans="1:2">
      <c r="A161" s="6"/>
      <c r="B161" s="6"/>
    </row>
    <row r="162" spans="1:2">
      <c r="A162" s="6"/>
      <c r="B162" s="6"/>
    </row>
    <row r="163" spans="1:2">
      <c r="A163" s="6"/>
      <c r="B163" s="6"/>
    </row>
    <row r="164" spans="1:2">
      <c r="A164" s="6"/>
      <c r="B164" s="6"/>
    </row>
    <row r="165" spans="1:2">
      <c r="A165" s="6"/>
      <c r="B165" s="6"/>
    </row>
    <row r="166" spans="1:2">
      <c r="A166" s="6"/>
      <c r="B166" s="6"/>
    </row>
    <row r="167" spans="1:2">
      <c r="A167" s="6"/>
      <c r="B167" s="6"/>
    </row>
    <row r="168" spans="1:2">
      <c r="A168" s="6"/>
      <c r="B168" s="6"/>
    </row>
    <row r="169" spans="1:2">
      <c r="A169" s="6"/>
      <c r="B169" s="6"/>
    </row>
    <row r="170" spans="1:2">
      <c r="A170" s="6"/>
      <c r="B170" s="6"/>
    </row>
    <row r="171" spans="1:2">
      <c r="A171" s="6"/>
      <c r="B171" s="6"/>
    </row>
    <row r="172" spans="1:2">
      <c r="A172" s="6"/>
      <c r="B172" s="6"/>
    </row>
    <row r="173" spans="1:2">
      <c r="A173" s="6"/>
      <c r="B173" s="6"/>
    </row>
    <row r="174" spans="1:2">
      <c r="A174" s="6"/>
      <c r="B174" s="6"/>
    </row>
    <row r="175" spans="1:2">
      <c r="A175" s="6"/>
      <c r="B175" s="6"/>
    </row>
    <row r="176" spans="1:2">
      <c r="A176" s="6"/>
      <c r="B176" s="6"/>
    </row>
    <row r="177" spans="1:2">
      <c r="A177" s="6"/>
      <c r="B177" s="6"/>
    </row>
    <row r="178" spans="1:2">
      <c r="A178" s="6"/>
      <c r="B178" s="6"/>
    </row>
    <row r="179" spans="1:2">
      <c r="A179" s="6"/>
      <c r="B179" s="6"/>
    </row>
    <row r="180" spans="1:2">
      <c r="A180" s="6"/>
      <c r="B180" s="6"/>
    </row>
    <row r="181" spans="1:2">
      <c r="A181" s="6"/>
      <c r="B181" s="6"/>
    </row>
    <row r="182" spans="1:2">
      <c r="A182" s="6"/>
      <c r="B182" s="6"/>
    </row>
    <row r="183" spans="1:2">
      <c r="A183" s="6"/>
      <c r="B183" s="6"/>
    </row>
    <row r="184" spans="1:2">
      <c r="A184" s="6"/>
      <c r="B184" s="6"/>
    </row>
    <row r="185" spans="1:2">
      <c r="A185" s="6"/>
      <c r="B185" s="6"/>
    </row>
    <row r="186" spans="1:2">
      <c r="A186" s="6"/>
      <c r="B186" s="6"/>
    </row>
    <row r="187" spans="1:2">
      <c r="A187" s="6"/>
      <c r="B187" s="6"/>
    </row>
    <row r="188" spans="1:2">
      <c r="A188" s="6"/>
      <c r="B188" s="6"/>
    </row>
    <row r="189" spans="1:2">
      <c r="A189" s="6"/>
      <c r="B189" s="6"/>
    </row>
    <row r="190" spans="1:2">
      <c r="A190" s="6"/>
      <c r="B190" s="6"/>
    </row>
    <row r="191" spans="1:2">
      <c r="A191" s="6"/>
      <c r="B191" s="6"/>
    </row>
    <row r="192" spans="1:2">
      <c r="A192" s="6"/>
      <c r="B192" s="6"/>
    </row>
    <row r="193" spans="1:2">
      <c r="A193" s="6"/>
      <c r="B193" s="6"/>
    </row>
    <row r="194" spans="1:2">
      <c r="A194" s="6"/>
      <c r="B194" s="6"/>
    </row>
    <row r="195" spans="1:2">
      <c r="A195" s="6"/>
      <c r="B195" s="6"/>
    </row>
    <row r="196" spans="1:2">
      <c r="A196" s="6"/>
      <c r="B196" s="6"/>
    </row>
    <row r="197" spans="1:2">
      <c r="A197" s="6"/>
      <c r="B197" s="6"/>
    </row>
    <row r="198" spans="1:2">
      <c r="A198" s="6"/>
      <c r="B198" s="6"/>
    </row>
    <row r="199" spans="1:2">
      <c r="A199" s="6"/>
      <c r="B199" s="6"/>
    </row>
    <row r="200" spans="1:2">
      <c r="A200" s="6"/>
      <c r="B200" s="6"/>
    </row>
    <row r="201" spans="1:2">
      <c r="A201" s="6"/>
      <c r="B201" s="6"/>
    </row>
    <row r="202" spans="1:2">
      <c r="A202" s="6"/>
      <c r="B202" s="6"/>
    </row>
    <row r="203" spans="1:2">
      <c r="A203" s="6"/>
      <c r="B203" s="6"/>
    </row>
    <row r="204" spans="1:2">
      <c r="A204" s="6"/>
      <c r="B204" s="6"/>
    </row>
    <row r="205" spans="1:2">
      <c r="A205" s="6"/>
      <c r="B205" s="6"/>
    </row>
    <row r="206" spans="1:2">
      <c r="A206" s="6"/>
      <c r="B206" s="6"/>
    </row>
    <row r="207" spans="1:2">
      <c r="A207" s="6"/>
      <c r="B207" s="6"/>
    </row>
    <row r="208" spans="1:2">
      <c r="A208" s="6"/>
      <c r="B208" s="6"/>
    </row>
    <row r="209" spans="1:2">
      <c r="A209" s="6"/>
      <c r="B209" s="6"/>
    </row>
    <row r="210" spans="1:2">
      <c r="A210" s="6"/>
      <c r="B210" s="6"/>
    </row>
    <row r="211" spans="1:2">
      <c r="A211" s="6"/>
      <c r="B211" s="6"/>
    </row>
    <row r="212" spans="1:2">
      <c r="A212" s="6"/>
      <c r="B212" s="6"/>
    </row>
    <row r="213" spans="1:2">
      <c r="A213" s="6"/>
      <c r="B213" s="6"/>
    </row>
    <row r="214" spans="1:2">
      <c r="A214" s="6"/>
      <c r="B214" s="6"/>
    </row>
    <row r="215" spans="1:2">
      <c r="A215" s="6"/>
      <c r="B215" s="6"/>
    </row>
    <row r="216" spans="1:2">
      <c r="A216" s="6"/>
      <c r="B216" s="6"/>
    </row>
    <row r="217" spans="1:2">
      <c r="A217" s="6"/>
      <c r="B217" s="6"/>
    </row>
    <row r="218" spans="1:2">
      <c r="A218" s="6"/>
      <c r="B218" s="6"/>
    </row>
    <row r="219" spans="1:2">
      <c r="A219" s="6"/>
      <c r="B219" s="6"/>
    </row>
    <row r="220" spans="1:2">
      <c r="A220" s="6"/>
      <c r="B220" s="6"/>
    </row>
    <row r="221" spans="1:2">
      <c r="A221" s="6"/>
      <c r="B221" s="6"/>
    </row>
    <row r="222" spans="1:2">
      <c r="A222" s="6"/>
      <c r="B222" s="6"/>
    </row>
    <row r="223" spans="1:2">
      <c r="A223" s="6"/>
      <c r="B223" s="6"/>
    </row>
    <row r="224" spans="1:2">
      <c r="A224" s="6"/>
      <c r="B224" s="6"/>
    </row>
    <row r="225" spans="1:2">
      <c r="A225" s="6"/>
      <c r="B225" s="6"/>
    </row>
    <row r="226" spans="1:2">
      <c r="A226" s="6"/>
      <c r="B226" s="6"/>
    </row>
    <row r="227" spans="1:2">
      <c r="A227" s="6"/>
      <c r="B227" s="6"/>
    </row>
    <row r="228" spans="1:2">
      <c r="A228" s="6"/>
      <c r="B228" s="6"/>
    </row>
    <row r="229" spans="1:2">
      <c r="A229" s="6"/>
      <c r="B229" s="6"/>
    </row>
    <row r="230" spans="1:2">
      <c r="A230" s="6"/>
      <c r="B230" s="6"/>
    </row>
    <row r="231" spans="1:2">
      <c r="A231" s="6"/>
      <c r="B231" s="6"/>
    </row>
    <row r="232" spans="1:2">
      <c r="A232" s="6"/>
      <c r="B232" s="6"/>
    </row>
    <row r="233" spans="1:2">
      <c r="A233" s="6"/>
      <c r="B233" s="6"/>
    </row>
    <row r="234" spans="1:2">
      <c r="A234" s="6"/>
      <c r="B234" s="6"/>
    </row>
    <row r="235" spans="1:2">
      <c r="A235" s="6"/>
      <c r="B235" s="6"/>
    </row>
    <row r="236" spans="1:2">
      <c r="A236" s="6"/>
      <c r="B236" s="6"/>
    </row>
    <row r="237" spans="1:2">
      <c r="A237" s="6"/>
      <c r="B237" s="6"/>
    </row>
    <row r="238" spans="1:2">
      <c r="A238" s="6"/>
      <c r="B238" s="6"/>
    </row>
    <row r="239" spans="1:2">
      <c r="A239" s="6"/>
      <c r="B239" s="6"/>
    </row>
    <row r="240" spans="1:2">
      <c r="A240" s="6"/>
      <c r="B240" s="6"/>
    </row>
    <row r="241" spans="1:2">
      <c r="A241" s="6"/>
      <c r="B241" s="6"/>
    </row>
    <row r="242" spans="1:2">
      <c r="A242" s="6"/>
      <c r="B242" s="6"/>
    </row>
    <row r="243" spans="1:2">
      <c r="A243" s="6"/>
      <c r="B243" s="6"/>
    </row>
    <row r="244" spans="1:2">
      <c r="A244" s="6"/>
      <c r="B244" s="6"/>
    </row>
    <row r="245" spans="1:2">
      <c r="A245" s="6"/>
      <c r="B245" s="6"/>
    </row>
    <row r="246" spans="1:2">
      <c r="A246" s="6"/>
      <c r="B246" s="6"/>
    </row>
    <row r="247" spans="1:2">
      <c r="A247" s="6"/>
      <c r="B247" s="6"/>
    </row>
    <row r="248" spans="1:2">
      <c r="A248" s="6"/>
      <c r="B248" s="6"/>
    </row>
    <row r="249" spans="1:2">
      <c r="A249" s="6"/>
      <c r="B249" s="6"/>
    </row>
    <row r="250" spans="1:2">
      <c r="A250" s="6"/>
      <c r="B250" s="6"/>
    </row>
    <row r="251" spans="1:2">
      <c r="A251" s="6"/>
      <c r="B251" s="6"/>
    </row>
    <row r="252" spans="1:2">
      <c r="A252" s="6"/>
      <c r="B252" s="6"/>
    </row>
    <row r="253" spans="1:2">
      <c r="A253" s="6"/>
      <c r="B253" s="6"/>
    </row>
    <row r="254" spans="1:2">
      <c r="A254" s="6"/>
      <c r="B254" s="6"/>
    </row>
    <row r="255" spans="1:2">
      <c r="A255" s="6"/>
      <c r="B255" s="6"/>
    </row>
    <row r="256" spans="1:2">
      <c r="A256" s="6"/>
      <c r="B256" s="6"/>
    </row>
    <row r="257" spans="1:2">
      <c r="A257" s="6"/>
      <c r="B257" s="6"/>
    </row>
    <row r="258" spans="1:2">
      <c r="A258" s="6"/>
      <c r="B258" s="6"/>
    </row>
    <row r="259" spans="1:2">
      <c r="A259" s="6"/>
      <c r="B259" s="6"/>
    </row>
    <row r="260" spans="1:2">
      <c r="A260" s="6"/>
      <c r="B260" s="6"/>
    </row>
    <row r="261" spans="1:2">
      <c r="A261" s="6"/>
      <c r="B261" s="6"/>
    </row>
    <row r="262" spans="1:2">
      <c r="A262" s="6"/>
      <c r="B262" s="6"/>
    </row>
    <row r="263" spans="1:2">
      <c r="A263" s="6"/>
      <c r="B263" s="6"/>
    </row>
    <row r="264" spans="1:2">
      <c r="A264" s="6"/>
      <c r="B264" s="6"/>
    </row>
    <row r="265" spans="1:2">
      <c r="A265" s="6"/>
      <c r="B265" s="6"/>
    </row>
    <row r="266" spans="1:2">
      <c r="A266" s="6"/>
      <c r="B266" s="6"/>
    </row>
    <row r="267" spans="1:2">
      <c r="A267" s="6"/>
      <c r="B267" s="6"/>
    </row>
    <row r="268" spans="1:2">
      <c r="A268" s="6"/>
      <c r="B268" s="6"/>
    </row>
    <row r="269" spans="1:2">
      <c r="A269" s="6"/>
      <c r="B269" s="6"/>
    </row>
    <row r="270" spans="1:2">
      <c r="A270" s="6"/>
      <c r="B270" s="6"/>
    </row>
    <row r="271" spans="1:2">
      <c r="A271" s="6"/>
      <c r="B271" s="6"/>
    </row>
    <row r="272" spans="1:2">
      <c r="A272" s="6"/>
      <c r="B272" s="6"/>
    </row>
    <row r="273" spans="1:2">
      <c r="A273" s="6"/>
      <c r="B273" s="6"/>
    </row>
    <row r="274" spans="1:2">
      <c r="A274" s="6"/>
      <c r="B274" s="6"/>
    </row>
    <row r="275" spans="1:2">
      <c r="A275" s="6"/>
      <c r="B275" s="6"/>
    </row>
    <row r="276" spans="1:2">
      <c r="A276" s="6"/>
      <c r="B276" s="6"/>
    </row>
    <row r="277" spans="1:2">
      <c r="A277" s="6"/>
      <c r="B277" s="6"/>
    </row>
    <row r="278" spans="1:2">
      <c r="A278" s="6"/>
      <c r="B278" s="6"/>
    </row>
    <row r="279" spans="1:2">
      <c r="A279" s="6"/>
      <c r="B279" s="6"/>
    </row>
    <row r="280" spans="1:2">
      <c r="A280" s="6"/>
      <c r="B280" s="6"/>
    </row>
    <row r="281" spans="1:2">
      <c r="A281" s="6"/>
      <c r="B281" s="6"/>
    </row>
    <row r="282" spans="1:2">
      <c r="A282" s="6"/>
      <c r="B282" s="6"/>
    </row>
    <row r="283" spans="1:2">
      <c r="A283" s="6"/>
      <c r="B283" s="6"/>
    </row>
    <row r="284" spans="1:2">
      <c r="A284" s="6"/>
      <c r="B284" s="6"/>
    </row>
    <row r="285" spans="1:2">
      <c r="A285" s="6"/>
      <c r="B285" s="6"/>
    </row>
    <row r="286" spans="1:2">
      <c r="A286" s="6"/>
      <c r="B286" s="6"/>
    </row>
    <row r="287" spans="1:2">
      <c r="A287" s="6"/>
      <c r="B287" s="6"/>
    </row>
    <row r="288" spans="1:2">
      <c r="A288" s="6"/>
      <c r="B288" s="6"/>
    </row>
    <row r="289" spans="1:2">
      <c r="A289" s="6"/>
      <c r="B289" s="6"/>
    </row>
    <row r="290" spans="1:2">
      <c r="A290" s="6"/>
      <c r="B290" s="6"/>
    </row>
    <row r="291" spans="1:2">
      <c r="A291" s="6"/>
      <c r="B291" s="6"/>
    </row>
    <row r="292" spans="1:2">
      <c r="A292" s="6"/>
      <c r="B292" s="6"/>
    </row>
    <row r="293" spans="1:2">
      <c r="A293" s="6"/>
      <c r="B293" s="6"/>
    </row>
    <row r="294" spans="1:2">
      <c r="A294" s="6"/>
      <c r="B294" s="6"/>
    </row>
    <row r="295" spans="1:2">
      <c r="A295" s="6"/>
      <c r="B295" s="6"/>
    </row>
    <row r="296" spans="1:2">
      <c r="A296" s="6"/>
      <c r="B296" s="6"/>
    </row>
    <row r="297" spans="1:2">
      <c r="A297" s="6"/>
      <c r="B297" s="6"/>
    </row>
    <row r="298" spans="1:2">
      <c r="A298" s="6"/>
      <c r="B298" s="6"/>
    </row>
    <row r="299" spans="1:2">
      <c r="A299" s="6"/>
      <c r="B299" s="6"/>
    </row>
    <row r="300" spans="1:2">
      <c r="A300" s="6"/>
      <c r="B300" s="6"/>
    </row>
    <row r="301" spans="1:2">
      <c r="A301" s="6"/>
      <c r="B301" s="6"/>
    </row>
    <row r="302" spans="1:2">
      <c r="A302" s="6"/>
      <c r="B302" s="6"/>
    </row>
    <row r="303" spans="1:2">
      <c r="A303" s="6"/>
      <c r="B303" s="6"/>
    </row>
    <row r="304" spans="1:2">
      <c r="A304" s="6"/>
      <c r="B304" s="6"/>
    </row>
    <row r="305" spans="1:2">
      <c r="A305" s="6"/>
      <c r="B305" s="6"/>
    </row>
    <row r="306" spans="1:2">
      <c r="A306" s="6"/>
      <c r="B306" s="6"/>
    </row>
    <row r="307" spans="1:2">
      <c r="A307" s="6"/>
      <c r="B307" s="6"/>
    </row>
    <row r="308" spans="1:2">
      <c r="A308" s="6"/>
      <c r="B308" s="6"/>
    </row>
    <row r="309" spans="1:2">
      <c r="A309" s="6"/>
      <c r="B309" s="6"/>
    </row>
    <row r="310" spans="1:2">
      <c r="A310" s="6"/>
      <c r="B310" s="6"/>
    </row>
    <row r="311" spans="1:2">
      <c r="A311" s="6"/>
      <c r="B311" s="6"/>
    </row>
    <row r="312" spans="1:2">
      <c r="A312" s="6"/>
      <c r="B312" s="6"/>
    </row>
    <row r="313" spans="1:2">
      <c r="A313" s="6"/>
      <c r="B313" s="6"/>
    </row>
    <row r="314" spans="1:2">
      <c r="A314" s="6"/>
      <c r="B314" s="6"/>
    </row>
    <row r="315" spans="1:2">
      <c r="A315" s="6"/>
      <c r="B315" s="6"/>
    </row>
    <row r="316" spans="1:2">
      <c r="A316" s="6"/>
      <c r="B316" s="6"/>
    </row>
    <row r="317" spans="1:2">
      <c r="A317" s="6"/>
      <c r="B317" s="6"/>
    </row>
    <row r="318" spans="1:2">
      <c r="A318" s="6"/>
      <c r="B318" s="6"/>
    </row>
    <row r="319" spans="1:2">
      <c r="A319" s="6"/>
      <c r="B319" s="6"/>
    </row>
    <row r="320" spans="1:2">
      <c r="A320" s="6"/>
      <c r="B320" s="6"/>
    </row>
    <row r="321" spans="1:2">
      <c r="A321" s="6"/>
      <c r="B321" s="6"/>
    </row>
    <row r="322" spans="1:2">
      <c r="A322" s="6"/>
      <c r="B322" s="6"/>
    </row>
    <row r="323" spans="1:2">
      <c r="A323" s="6"/>
      <c r="B323" s="6"/>
    </row>
    <row r="324" spans="1:2">
      <c r="A324" s="6"/>
      <c r="B324" s="6"/>
    </row>
    <row r="325" spans="1:2">
      <c r="A325" s="6"/>
      <c r="B325" s="6"/>
    </row>
    <row r="326" spans="1:2">
      <c r="A326" s="6"/>
      <c r="B326" s="6"/>
    </row>
    <row r="327" spans="1:2">
      <c r="A327" s="6"/>
      <c r="B327" s="6"/>
    </row>
    <row r="328" spans="1:2">
      <c r="A328" s="6"/>
      <c r="B328" s="6"/>
    </row>
    <row r="329" spans="1:2">
      <c r="A329" s="6"/>
      <c r="B329" s="6"/>
    </row>
    <row r="330" spans="1:2">
      <c r="A330" s="6"/>
      <c r="B330" s="6"/>
    </row>
    <row r="331" spans="1:2">
      <c r="A331" s="6"/>
      <c r="B331" s="6"/>
    </row>
    <row r="332" spans="1:2">
      <c r="A332" s="6"/>
      <c r="B332" s="6"/>
    </row>
    <row r="333" spans="1:2">
      <c r="A333" s="6"/>
      <c r="B333" s="6"/>
    </row>
    <row r="334" spans="1:2">
      <c r="A334" s="6"/>
      <c r="B334" s="6"/>
    </row>
    <row r="335" spans="1:2">
      <c r="A335" s="6"/>
      <c r="B335" s="6"/>
    </row>
    <row r="336" spans="1:2">
      <c r="A336" s="6"/>
      <c r="B336" s="6"/>
    </row>
    <row r="337" spans="1:2">
      <c r="A337" s="6"/>
      <c r="B337" s="6"/>
    </row>
    <row r="338" spans="1:2">
      <c r="A338" s="6"/>
      <c r="B338" s="6"/>
    </row>
    <row r="339" spans="1:2">
      <c r="A339" s="6"/>
      <c r="B339" s="6"/>
    </row>
    <row r="340" spans="1:2">
      <c r="A340" s="6"/>
      <c r="B340" s="6"/>
    </row>
    <row r="341" spans="1:2">
      <c r="A341" s="6"/>
      <c r="B341" s="6"/>
    </row>
    <row r="342" spans="1:2">
      <c r="A342" s="6"/>
      <c r="B342" s="6"/>
    </row>
    <row r="343" spans="1:2">
      <c r="A343" s="6"/>
      <c r="B343" s="6"/>
    </row>
    <row r="344" spans="1:2">
      <c r="A344" s="6"/>
      <c r="B344" s="6"/>
    </row>
    <row r="345" spans="1:2">
      <c r="A345" s="6"/>
      <c r="B345" s="6"/>
    </row>
    <row r="346" spans="1:2">
      <c r="A346" s="6"/>
      <c r="B346" s="6"/>
    </row>
    <row r="347" spans="1:2">
      <c r="A347" s="6"/>
      <c r="B347" s="6"/>
    </row>
    <row r="348" spans="1:2">
      <c r="A348" s="6"/>
      <c r="B348" s="6"/>
    </row>
    <row r="349" spans="1:2">
      <c r="A349" s="6"/>
      <c r="B349" s="6"/>
    </row>
    <row r="350" spans="1:2">
      <c r="A350" s="6"/>
      <c r="B350" s="6"/>
    </row>
    <row r="351" spans="1:2">
      <c r="A351" s="6"/>
      <c r="B351" s="6"/>
    </row>
    <row r="352" spans="1:2">
      <c r="A352" s="6"/>
      <c r="B352" s="6"/>
    </row>
    <row r="353" spans="1:2">
      <c r="A353" s="6"/>
      <c r="B353" s="6"/>
    </row>
    <row r="354" spans="1:2">
      <c r="A354" s="6"/>
      <c r="B354" s="6"/>
    </row>
    <row r="355" spans="1:2">
      <c r="A355" s="6"/>
      <c r="B355" s="6"/>
    </row>
    <row r="356" spans="1:2">
      <c r="A356" s="6"/>
      <c r="B356" s="6"/>
    </row>
    <row r="357" spans="1:2">
      <c r="A357" s="6"/>
      <c r="B357" s="6"/>
    </row>
    <row r="358" spans="1:2">
      <c r="A358" s="6"/>
      <c r="B358" s="6"/>
    </row>
    <row r="359" spans="1:2">
      <c r="A359" s="6"/>
      <c r="B359" s="6"/>
    </row>
    <row r="360" spans="1:2">
      <c r="A360" s="6"/>
      <c r="B360" s="6"/>
    </row>
    <row r="361" spans="1:2">
      <c r="A361" s="6"/>
      <c r="B361" s="6"/>
    </row>
    <row r="362" spans="1:2">
      <c r="A362" s="6"/>
      <c r="B362" s="6"/>
    </row>
    <row r="363" spans="1:2">
      <c r="A363" s="6"/>
      <c r="B363" s="6"/>
    </row>
    <row r="364" spans="1:2">
      <c r="A364" s="6"/>
      <c r="B364" s="6"/>
    </row>
    <row r="365" spans="1:2">
      <c r="A365" s="6"/>
      <c r="B365" s="6"/>
    </row>
    <row r="366" spans="1:2">
      <c r="A366" s="6"/>
      <c r="B366" s="6"/>
    </row>
    <row r="367" spans="1:2">
      <c r="A367" s="6"/>
      <c r="B367" s="6"/>
    </row>
    <row r="368" spans="1:2">
      <c r="A368" s="6"/>
      <c r="B368" s="6"/>
    </row>
    <row r="369" spans="1:2">
      <c r="A369" s="6"/>
      <c r="B369" s="6"/>
    </row>
    <row r="370" spans="1:2">
      <c r="A370" s="6"/>
      <c r="B370" s="6"/>
    </row>
    <row r="371" spans="1:2">
      <c r="A371" s="6"/>
      <c r="B371" s="6"/>
    </row>
    <row r="372" spans="1:2">
      <c r="A372" s="6"/>
      <c r="B372" s="6"/>
    </row>
    <row r="373" spans="1:2">
      <c r="A373" s="6"/>
      <c r="B373" s="6"/>
    </row>
    <row r="374" spans="1:2">
      <c r="A374" s="6"/>
      <c r="B374" s="6"/>
    </row>
    <row r="375" spans="1:2">
      <c r="A375" s="6"/>
      <c r="B375" s="6"/>
    </row>
    <row r="376" spans="1:2">
      <c r="A376" s="6"/>
      <c r="B376" s="6"/>
    </row>
    <row r="377" spans="1:2">
      <c r="A377" s="6"/>
      <c r="B377" s="6"/>
    </row>
    <row r="378" spans="1:2">
      <c r="A378" s="6"/>
      <c r="B378" s="6"/>
    </row>
    <row r="379" spans="1:2">
      <c r="A379" s="6"/>
      <c r="B379" s="6"/>
    </row>
    <row r="380" spans="1:2">
      <c r="A380" s="6"/>
      <c r="B380" s="6"/>
    </row>
    <row r="381" spans="1:2">
      <c r="A381" s="6"/>
      <c r="B381" s="6"/>
    </row>
    <row r="382" spans="1:2">
      <c r="A382" s="6"/>
      <c r="B382" s="6"/>
    </row>
    <row r="383" spans="1:2">
      <c r="A383" s="6"/>
      <c r="B383" s="6"/>
    </row>
    <row r="384" spans="1:2">
      <c r="A384" s="6"/>
      <c r="B384" s="6"/>
    </row>
    <row r="385" spans="1:2">
      <c r="A385" s="6"/>
      <c r="B385" s="6"/>
    </row>
    <row r="386" spans="1:2">
      <c r="A386" s="6"/>
      <c r="B386" s="6"/>
    </row>
    <row r="387" spans="1:2">
      <c r="A387" s="6"/>
    </row>
    <row r="388" spans="1:2">
      <c r="A388" s="6"/>
    </row>
    <row r="389" spans="1:2">
      <c r="A389" s="6"/>
    </row>
    <row r="390" spans="1:2">
      <c r="A390" s="6"/>
    </row>
    <row r="391" spans="1:2">
      <c r="A391" s="6"/>
    </row>
    <row r="392" spans="1:2">
      <c r="A392" s="6"/>
    </row>
    <row r="393" spans="1:2">
      <c r="A393" s="6"/>
    </row>
    <row r="394" spans="1:2">
      <c r="A394" s="6"/>
    </row>
    <row r="395" spans="1:2">
      <c r="A395" s="6"/>
    </row>
    <row r="396" spans="1:2">
      <c r="A396" s="6"/>
    </row>
    <row r="397" spans="1:2">
      <c r="A397" s="6"/>
    </row>
    <row r="398" spans="1:2">
      <c r="A398" s="6"/>
    </row>
    <row r="399" spans="1:2">
      <c r="A399" s="6"/>
    </row>
    <row r="400" spans="1:2">
      <c r="A400" s="6"/>
    </row>
    <row r="401" spans="1:1">
      <c r="A401" s="6"/>
    </row>
  </sheetData>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F71474-C9BB-44B9-B457-DD084ED2F258}">
  <dimension ref="A1:S54"/>
  <sheetViews>
    <sheetView zoomScale="90" zoomScaleNormal="90" workbookViewId="0">
      <selection activeCell="A43" sqref="A43"/>
    </sheetView>
  </sheetViews>
  <sheetFormatPr defaultColWidth="9.140625" defaultRowHeight="12.75"/>
  <cols>
    <col min="1" max="1" width="102" style="1" bestFit="1" customWidth="1"/>
    <col min="2" max="2" width="56.42578125" style="1" customWidth="1"/>
    <col min="3" max="16384" width="9.140625" style="1"/>
  </cols>
  <sheetData>
    <row r="1" spans="1:19" ht="36" customHeight="1" thickBot="1">
      <c r="A1" s="4" t="s">
        <v>141</v>
      </c>
      <c r="B1" s="4" t="s">
        <v>0</v>
      </c>
    </row>
    <row r="2" spans="1:19" s="10" customFormat="1" ht="83.25" customHeight="1">
      <c r="A2" s="9" t="s">
        <v>142</v>
      </c>
      <c r="B2" s="9" t="s">
        <v>17</v>
      </c>
      <c r="C2" s="1"/>
      <c r="D2" s="1"/>
      <c r="E2" s="1"/>
      <c r="F2" s="1"/>
      <c r="G2" s="1"/>
      <c r="H2" s="1"/>
      <c r="I2" s="1"/>
      <c r="J2" s="1"/>
      <c r="K2" s="1"/>
      <c r="L2" s="1"/>
      <c r="M2" s="1"/>
      <c r="N2" s="1"/>
      <c r="O2" s="1"/>
      <c r="P2" s="1"/>
      <c r="Q2" s="1"/>
      <c r="R2" s="1"/>
      <c r="S2" s="1"/>
    </row>
    <row r="3" spans="1:19">
      <c r="A3" s="23" t="s">
        <v>30</v>
      </c>
    </row>
    <row r="4" spans="1:19">
      <c r="A4" s="24" t="s">
        <v>31</v>
      </c>
      <c r="B4" s="2"/>
    </row>
    <row r="5" spans="1:19">
      <c r="A5" s="24" t="s">
        <v>6</v>
      </c>
      <c r="B5" s="2"/>
    </row>
    <row r="6" spans="1:19">
      <c r="A6" s="24" t="s">
        <v>32</v>
      </c>
      <c r="B6" s="2"/>
    </row>
    <row r="7" spans="1:19">
      <c r="A7" s="24" t="s">
        <v>12</v>
      </c>
      <c r="B7" s="2"/>
    </row>
    <row r="8" spans="1:19">
      <c r="A8" s="24" t="s">
        <v>33</v>
      </c>
      <c r="B8" s="17"/>
    </row>
    <row r="9" spans="1:19">
      <c r="A9" s="24" t="s">
        <v>34</v>
      </c>
      <c r="B9" s="17"/>
    </row>
    <row r="10" spans="1:19">
      <c r="A10" s="24" t="s">
        <v>35</v>
      </c>
      <c r="B10" s="17"/>
    </row>
    <row r="11" spans="1:19">
      <c r="A11" s="27" t="s">
        <v>36</v>
      </c>
      <c r="B11" s="39"/>
    </row>
    <row r="12" spans="1:19">
      <c r="A12" s="19" t="s">
        <v>37</v>
      </c>
      <c r="B12" s="18"/>
    </row>
    <row r="13" spans="1:19">
      <c r="A13" s="20" t="s">
        <v>38</v>
      </c>
      <c r="B13" s="15" t="s">
        <v>15</v>
      </c>
    </row>
    <row r="14" spans="1:19">
      <c r="A14" s="20" t="s">
        <v>39</v>
      </c>
      <c r="B14" s="15"/>
    </row>
    <row r="15" spans="1:19">
      <c r="A15" s="21" t="s">
        <v>40</v>
      </c>
      <c r="B15" s="14"/>
    </row>
    <row r="16" spans="1:19">
      <c r="A16" s="19" t="s">
        <v>41</v>
      </c>
      <c r="B16" s="13"/>
    </row>
    <row r="17" spans="1:2">
      <c r="A17" s="20" t="s">
        <v>42</v>
      </c>
      <c r="B17" s="15" t="s">
        <v>70</v>
      </c>
    </row>
    <row r="18" spans="1:2">
      <c r="A18" s="21" t="s">
        <v>43</v>
      </c>
      <c r="B18" s="14"/>
    </row>
    <row r="19" spans="1:2">
      <c r="A19" s="25" t="s">
        <v>44</v>
      </c>
      <c r="B19" s="16"/>
    </row>
    <row r="20" spans="1:2">
      <c r="A20" s="26" t="s">
        <v>45</v>
      </c>
      <c r="B20" s="17"/>
    </row>
    <row r="21" spans="1:2">
      <c r="A21" s="27" t="s">
        <v>46</v>
      </c>
      <c r="B21" s="22"/>
    </row>
    <row r="22" spans="1:2">
      <c r="A22" s="19" t="s">
        <v>47</v>
      </c>
      <c r="B22" s="13"/>
    </row>
    <row r="23" spans="1:2">
      <c r="A23" s="20" t="s">
        <v>45</v>
      </c>
      <c r="B23" s="15" t="s">
        <v>14</v>
      </c>
    </row>
    <row r="24" spans="1:2">
      <c r="A24" s="20" t="s">
        <v>46</v>
      </c>
      <c r="B24" s="15"/>
    </row>
    <row r="25" spans="1:2">
      <c r="A25" s="21" t="s">
        <v>48</v>
      </c>
      <c r="B25" s="14"/>
    </row>
    <row r="26" spans="1:2">
      <c r="A26" s="19" t="s">
        <v>49</v>
      </c>
      <c r="B26" s="13"/>
    </row>
    <row r="27" spans="1:2">
      <c r="A27" s="20" t="s">
        <v>38</v>
      </c>
      <c r="B27" s="15" t="s">
        <v>71</v>
      </c>
    </row>
    <row r="28" spans="1:2">
      <c r="A28" s="20" t="s">
        <v>50</v>
      </c>
      <c r="B28" s="40"/>
    </row>
    <row r="29" spans="1:2">
      <c r="A29" s="21" t="s">
        <v>40</v>
      </c>
      <c r="B29" s="14"/>
    </row>
    <row r="30" spans="1:2">
      <c r="A30" s="41" t="s">
        <v>51</v>
      </c>
      <c r="B30" s="2"/>
    </row>
    <row r="31" spans="1:2">
      <c r="A31" s="42" t="s">
        <v>52</v>
      </c>
    </row>
    <row r="32" spans="1:2">
      <c r="A32" s="42" t="s">
        <v>12</v>
      </c>
    </row>
    <row r="33" spans="1:1">
      <c r="A33" s="42" t="s">
        <v>53</v>
      </c>
    </row>
    <row r="34" spans="1:1">
      <c r="A34" s="42" t="s">
        <v>1</v>
      </c>
    </row>
    <row r="35" spans="1:1">
      <c r="A35" s="42" t="s">
        <v>54</v>
      </c>
    </row>
    <row r="36" spans="1:1">
      <c r="A36" s="42" t="s">
        <v>55</v>
      </c>
    </row>
    <row r="37" spans="1:1">
      <c r="A37" s="42" t="s">
        <v>56</v>
      </c>
    </row>
    <row r="38" spans="1:1">
      <c r="A38" s="42" t="s">
        <v>57</v>
      </c>
    </row>
    <row r="39" spans="1:1">
      <c r="A39" s="42" t="s">
        <v>58</v>
      </c>
    </row>
    <row r="40" spans="1:1">
      <c r="A40" s="42" t="s">
        <v>59</v>
      </c>
    </row>
    <row r="41" spans="1:1">
      <c r="A41" s="42" t="s">
        <v>60</v>
      </c>
    </row>
    <row r="42" spans="1:1">
      <c r="A42" s="42" t="s">
        <v>61</v>
      </c>
    </row>
    <row r="43" spans="1:1">
      <c r="A43" s="42" t="s">
        <v>62</v>
      </c>
    </row>
    <row r="44" spans="1:1">
      <c r="A44" s="42" t="s">
        <v>63</v>
      </c>
    </row>
    <row r="45" spans="1:1">
      <c r="A45" s="42" t="s">
        <v>64</v>
      </c>
    </row>
    <row r="46" spans="1:1">
      <c r="A46" s="42" t="s">
        <v>65</v>
      </c>
    </row>
    <row r="47" spans="1:1">
      <c r="A47" s="43" t="s">
        <v>66</v>
      </c>
    </row>
    <row r="48" spans="1:1">
      <c r="A48" s="43" t="s">
        <v>67</v>
      </c>
    </row>
    <row r="49" spans="1:1">
      <c r="A49" s="43" t="s">
        <v>68</v>
      </c>
    </row>
    <row r="50" spans="1:1">
      <c r="A50" s="43" t="s">
        <v>60</v>
      </c>
    </row>
    <row r="51" spans="1:1">
      <c r="A51" s="43" t="s">
        <v>13</v>
      </c>
    </row>
    <row r="52" spans="1:1">
      <c r="A52" s="43" t="s">
        <v>69</v>
      </c>
    </row>
    <row r="53" spans="1:1">
      <c r="A53" s="43" t="s">
        <v>3</v>
      </c>
    </row>
    <row r="54" spans="1:1">
      <c r="A54" s="44" t="s">
        <v>7</v>
      </c>
    </row>
  </sheetData>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L29"/>
  <sheetViews>
    <sheetView zoomScale="90" zoomScaleNormal="90" workbookViewId="0">
      <selection activeCell="A3" sqref="A3"/>
    </sheetView>
  </sheetViews>
  <sheetFormatPr defaultRowHeight="15"/>
  <cols>
    <col min="1" max="1" width="97.5703125" bestFit="1" customWidth="1"/>
    <col min="2" max="2" width="45" customWidth="1"/>
  </cols>
  <sheetData>
    <row r="1" spans="1:38" ht="36" customHeight="1" thickBot="1">
      <c r="A1" s="5" t="s">
        <v>143</v>
      </c>
      <c r="B1" s="5" t="s">
        <v>0</v>
      </c>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row>
    <row r="2" spans="1:38" s="10" customFormat="1" ht="83.25" customHeight="1">
      <c r="A2" s="9" t="s">
        <v>144</v>
      </c>
      <c r="B2" s="9" t="s">
        <v>17</v>
      </c>
      <c r="C2" s="8"/>
      <c r="D2" s="8"/>
      <c r="E2" s="8"/>
      <c r="F2" s="8"/>
      <c r="G2" s="8"/>
      <c r="H2" s="8"/>
      <c r="I2" s="8"/>
      <c r="J2" s="8"/>
      <c r="K2" s="8"/>
      <c r="L2" s="8"/>
      <c r="M2" s="8"/>
      <c r="N2" s="8"/>
      <c r="O2" s="8"/>
      <c r="P2" s="8"/>
      <c r="Q2" s="8"/>
      <c r="R2" s="8"/>
      <c r="S2" s="8"/>
      <c r="T2" s="8"/>
      <c r="U2" s="8"/>
      <c r="V2" s="8"/>
      <c r="W2" s="8"/>
      <c r="X2" s="8"/>
      <c r="Y2" s="8"/>
      <c r="Z2" s="8"/>
      <c r="AA2" s="8"/>
      <c r="AB2" s="8"/>
      <c r="AC2" s="8"/>
      <c r="AD2" s="8"/>
      <c r="AE2" s="8"/>
      <c r="AF2" s="8"/>
      <c r="AG2" s="8"/>
      <c r="AH2" s="8"/>
      <c r="AI2" s="8"/>
      <c r="AJ2" s="8"/>
      <c r="AK2" s="8"/>
      <c r="AL2" s="8"/>
    </row>
    <row r="3" spans="1:38">
      <c r="A3" s="41" t="s">
        <v>99</v>
      </c>
      <c r="B3" s="45"/>
      <c r="C3" s="8"/>
      <c r="D3" s="8"/>
      <c r="E3" s="8"/>
      <c r="F3" s="8"/>
      <c r="G3" s="8"/>
      <c r="H3" s="8"/>
      <c r="I3" s="8"/>
      <c r="J3" s="8"/>
      <c r="K3" s="8"/>
      <c r="L3" s="8"/>
      <c r="M3" s="8"/>
      <c r="N3" s="8"/>
      <c r="O3" s="8"/>
      <c r="P3" s="8"/>
      <c r="Q3" s="8"/>
      <c r="R3" s="8"/>
      <c r="S3" s="8"/>
      <c r="T3" s="8"/>
      <c r="U3" s="8"/>
      <c r="V3" s="8"/>
      <c r="W3" s="8"/>
      <c r="X3" s="8"/>
      <c r="Y3" s="8"/>
      <c r="Z3" s="8"/>
      <c r="AA3" s="8"/>
      <c r="AB3" s="8"/>
      <c r="AC3" s="8"/>
      <c r="AD3" s="8"/>
      <c r="AE3" s="8"/>
      <c r="AF3" s="8"/>
      <c r="AG3" s="8"/>
      <c r="AH3" s="8"/>
      <c r="AI3" s="8"/>
      <c r="AJ3" s="8"/>
      <c r="AK3" s="8"/>
      <c r="AL3" s="8"/>
    </row>
    <row r="4" spans="1:38">
      <c r="A4" s="42" t="s">
        <v>98</v>
      </c>
      <c r="B4" s="3"/>
      <c r="C4" s="8"/>
      <c r="D4" s="8"/>
      <c r="E4" s="8"/>
      <c r="F4" s="8"/>
      <c r="G4" s="8"/>
      <c r="H4" s="8"/>
      <c r="I4" s="8"/>
      <c r="J4" s="8"/>
      <c r="K4" s="8"/>
      <c r="L4" s="8"/>
      <c r="M4" s="8"/>
      <c r="N4" s="8"/>
      <c r="O4" s="8"/>
      <c r="P4" s="8"/>
      <c r="Q4" s="8"/>
      <c r="R4" s="8"/>
      <c r="S4" s="8"/>
      <c r="T4" s="8"/>
      <c r="U4" s="8"/>
      <c r="V4" s="8"/>
      <c r="W4" s="8"/>
      <c r="X4" s="8"/>
      <c r="Y4" s="8"/>
      <c r="Z4" s="8"/>
      <c r="AA4" s="8"/>
      <c r="AB4" s="8"/>
      <c r="AC4" s="8"/>
      <c r="AD4" s="8"/>
      <c r="AE4" s="8"/>
      <c r="AF4" s="8"/>
      <c r="AG4" s="8"/>
      <c r="AH4" s="8"/>
      <c r="AI4" s="8"/>
      <c r="AJ4" s="8"/>
      <c r="AK4" s="8"/>
      <c r="AL4" s="8"/>
    </row>
    <row r="5" spans="1:38">
      <c r="A5" s="42" t="s">
        <v>8</v>
      </c>
      <c r="B5" s="3"/>
      <c r="C5" s="8"/>
      <c r="D5" s="8"/>
      <c r="E5" s="8"/>
      <c r="F5" s="8"/>
      <c r="G5" s="8"/>
      <c r="H5" s="8"/>
      <c r="I5" s="8"/>
      <c r="J5" s="8"/>
      <c r="K5" s="8"/>
      <c r="L5" s="8"/>
      <c r="M5" s="8"/>
      <c r="N5" s="8"/>
      <c r="O5" s="8"/>
      <c r="P5" s="8"/>
      <c r="Q5" s="8"/>
      <c r="R5" s="8"/>
      <c r="S5" s="8"/>
      <c r="T5" s="8"/>
      <c r="U5" s="8"/>
      <c r="V5" s="8"/>
      <c r="W5" s="8"/>
      <c r="X5" s="8"/>
      <c r="Y5" s="8"/>
      <c r="Z5" s="8"/>
      <c r="AA5" s="8"/>
      <c r="AB5" s="8"/>
      <c r="AC5" s="8"/>
      <c r="AD5" s="8"/>
      <c r="AE5" s="8"/>
      <c r="AF5" s="8"/>
      <c r="AG5" s="8"/>
      <c r="AH5" s="8"/>
      <c r="AI5" s="8"/>
      <c r="AJ5" s="8"/>
      <c r="AK5" s="8"/>
      <c r="AL5" s="8"/>
    </row>
    <row r="6" spans="1:38">
      <c r="A6" s="42" t="s">
        <v>90</v>
      </c>
      <c r="B6" s="28"/>
      <c r="C6" s="8"/>
      <c r="D6" s="8"/>
      <c r="E6" s="8"/>
      <c r="F6" s="8"/>
      <c r="G6" s="8"/>
      <c r="H6" s="8"/>
      <c r="I6" s="8"/>
      <c r="J6" s="8"/>
      <c r="K6" s="8"/>
      <c r="L6" s="8"/>
      <c r="M6" s="8"/>
      <c r="N6" s="8"/>
      <c r="O6" s="8"/>
      <c r="P6" s="8"/>
      <c r="Q6" s="8"/>
      <c r="R6" s="8"/>
      <c r="S6" s="8"/>
      <c r="T6" s="8"/>
      <c r="U6" s="8"/>
      <c r="V6" s="8"/>
      <c r="W6" s="8"/>
      <c r="X6" s="8"/>
      <c r="Y6" s="8"/>
      <c r="Z6" s="8"/>
      <c r="AA6" s="8"/>
      <c r="AB6" s="8"/>
      <c r="AC6" s="8"/>
      <c r="AD6" s="8"/>
      <c r="AE6" s="8"/>
      <c r="AF6" s="8"/>
      <c r="AG6" s="8"/>
      <c r="AH6" s="8"/>
      <c r="AI6" s="8"/>
      <c r="AJ6" s="8"/>
      <c r="AK6" s="8"/>
      <c r="AL6" s="8"/>
    </row>
    <row r="7" spans="1:38">
      <c r="A7" s="42" t="s">
        <v>16</v>
      </c>
      <c r="B7" s="3"/>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row>
    <row r="8" spans="1:38">
      <c r="A8" s="42" t="s">
        <v>91</v>
      </c>
      <c r="B8" s="3"/>
    </row>
    <row r="9" spans="1:38">
      <c r="A9" s="42" t="s">
        <v>92</v>
      </c>
      <c r="B9" s="3"/>
    </row>
    <row r="10" spans="1:38">
      <c r="A10" s="42" t="s">
        <v>93</v>
      </c>
      <c r="B10" s="3"/>
    </row>
    <row r="11" spans="1:38">
      <c r="A11" s="26" t="s">
        <v>94</v>
      </c>
      <c r="B11" s="48"/>
    </row>
    <row r="12" spans="1:38">
      <c r="A12" s="42" t="s">
        <v>95</v>
      </c>
      <c r="B12" s="3"/>
    </row>
    <row r="13" spans="1:38">
      <c r="A13" s="42" t="s">
        <v>96</v>
      </c>
      <c r="B13" s="3"/>
    </row>
    <row r="14" spans="1:38">
      <c r="A14" s="42" t="s">
        <v>97</v>
      </c>
      <c r="B14" s="3"/>
    </row>
    <row r="15" spans="1:38">
      <c r="A15" s="42" t="s">
        <v>3</v>
      </c>
      <c r="B15" s="3"/>
    </row>
    <row r="16" spans="1:38">
      <c r="A16" s="49" t="s">
        <v>7</v>
      </c>
      <c r="B16" s="3"/>
    </row>
    <row r="17" spans="1:2">
      <c r="A17" s="3"/>
      <c r="B17" s="3"/>
    </row>
    <row r="18" spans="1:2">
      <c r="A18" s="3"/>
      <c r="B18" s="3"/>
    </row>
    <row r="19" spans="1:2">
      <c r="A19" s="3"/>
      <c r="B19" s="3"/>
    </row>
    <row r="22" spans="1:2" ht="16.5" customHeight="1"/>
    <row r="29" spans="1:2" ht="16.5" customHeight="1"/>
  </sheetData>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E28"/>
  <sheetViews>
    <sheetView zoomScale="90" zoomScaleNormal="90" workbookViewId="0">
      <selection activeCell="A2" sqref="A2"/>
    </sheetView>
  </sheetViews>
  <sheetFormatPr defaultRowHeight="15"/>
  <cols>
    <col min="1" max="1" width="140" bestFit="1" customWidth="1"/>
    <col min="2" max="2" width="47.5703125" customWidth="1"/>
  </cols>
  <sheetData>
    <row r="1" spans="1:31" ht="36" customHeight="1" thickBot="1">
      <c r="A1" s="4" t="s">
        <v>145</v>
      </c>
      <c r="B1" s="4" t="s">
        <v>0</v>
      </c>
    </row>
    <row r="2" spans="1:31" s="10" customFormat="1" ht="84.75" customHeight="1">
      <c r="A2" s="9" t="s">
        <v>146</v>
      </c>
      <c r="B2" s="9" t="s">
        <v>5</v>
      </c>
      <c r="C2" s="8"/>
      <c r="D2" s="8"/>
      <c r="E2" s="8"/>
      <c r="F2" s="8"/>
      <c r="G2" s="8"/>
      <c r="H2" s="8"/>
      <c r="I2" s="8"/>
      <c r="J2" s="8"/>
      <c r="K2" s="8"/>
      <c r="L2" s="8"/>
      <c r="M2" s="8"/>
      <c r="N2" s="8"/>
      <c r="O2" s="8"/>
      <c r="P2" s="8"/>
      <c r="Q2" s="8"/>
      <c r="R2" s="8"/>
      <c r="S2" s="8"/>
      <c r="T2" s="8"/>
      <c r="U2" s="8"/>
      <c r="V2" s="8"/>
      <c r="W2" s="8"/>
      <c r="X2" s="8"/>
      <c r="Y2" s="8"/>
      <c r="Z2" s="8"/>
      <c r="AA2" s="8"/>
      <c r="AB2" s="8"/>
      <c r="AC2" s="8"/>
      <c r="AD2" s="8"/>
      <c r="AE2" s="8"/>
    </row>
    <row r="3" spans="1:31">
      <c r="A3" s="41" t="s">
        <v>72</v>
      </c>
      <c r="B3" s="45"/>
    </row>
    <row r="4" spans="1:31">
      <c r="A4" s="42" t="s">
        <v>73</v>
      </c>
      <c r="B4" s="3"/>
    </row>
    <row r="5" spans="1:31">
      <c r="A5" s="42" t="s">
        <v>2</v>
      </c>
      <c r="B5" s="3"/>
    </row>
    <row r="6" spans="1:31">
      <c r="A6" s="42" t="s">
        <v>74</v>
      </c>
      <c r="B6" s="3"/>
    </row>
    <row r="7" spans="1:31">
      <c r="A7" s="42" t="s">
        <v>75</v>
      </c>
      <c r="B7" s="3"/>
    </row>
    <row r="8" spans="1:31">
      <c r="A8" s="26" t="s">
        <v>76</v>
      </c>
      <c r="B8" s="28"/>
    </row>
    <row r="9" spans="1:31">
      <c r="A9" s="42" t="s">
        <v>9</v>
      </c>
      <c r="B9" s="3"/>
    </row>
    <row r="10" spans="1:31">
      <c r="A10" s="42" t="s">
        <v>77</v>
      </c>
      <c r="B10" s="28"/>
    </row>
    <row r="11" spans="1:31">
      <c r="A11" s="42" t="s">
        <v>78</v>
      </c>
      <c r="B11" s="28"/>
    </row>
    <row r="12" spans="1:31">
      <c r="A12" s="42" t="s">
        <v>79</v>
      </c>
      <c r="B12" s="28"/>
    </row>
    <row r="13" spans="1:31">
      <c r="A13" s="42" t="s">
        <v>80</v>
      </c>
      <c r="B13" s="28"/>
    </row>
    <row r="14" spans="1:31">
      <c r="A14" s="42" t="s">
        <v>81</v>
      </c>
      <c r="B14" s="8"/>
    </row>
    <row r="15" spans="1:31">
      <c r="A15" s="42" t="s">
        <v>82</v>
      </c>
      <c r="B15" s="8"/>
    </row>
    <row r="16" spans="1:31">
      <c r="A16" s="42" t="s">
        <v>83</v>
      </c>
      <c r="B16" s="8"/>
    </row>
    <row r="17" spans="1:1">
      <c r="A17" s="42" t="s">
        <v>84</v>
      </c>
    </row>
    <row r="18" spans="1:1">
      <c r="A18" s="42" t="s">
        <v>85</v>
      </c>
    </row>
    <row r="19" spans="1:1">
      <c r="A19" s="42" t="s">
        <v>86</v>
      </c>
    </row>
    <row r="20" spans="1:1">
      <c r="A20" s="42" t="s">
        <v>10</v>
      </c>
    </row>
    <row r="21" spans="1:1">
      <c r="A21" s="42" t="s">
        <v>87</v>
      </c>
    </row>
    <row r="22" spans="1:1">
      <c r="A22" s="42" t="s">
        <v>18</v>
      </c>
    </row>
    <row r="23" spans="1:1">
      <c r="A23" s="42" t="s">
        <v>19</v>
      </c>
    </row>
    <row r="24" spans="1:1">
      <c r="A24" s="42" t="s">
        <v>88</v>
      </c>
    </row>
    <row r="25" spans="1:1">
      <c r="A25" s="42" t="s">
        <v>11</v>
      </c>
    </row>
    <row r="26" spans="1:1">
      <c r="A26" s="46" t="s">
        <v>89</v>
      </c>
    </row>
    <row r="27" spans="1:1">
      <c r="A27" s="46" t="s">
        <v>3</v>
      </c>
    </row>
    <row r="28" spans="1:1">
      <c r="A28" s="47" t="s">
        <v>7</v>
      </c>
    </row>
  </sheetData>
  <pageMargins left="0.7" right="0.7" top="0.75" bottom="0.75" header="0.3" footer="0.3"/>
  <pageSetup orientation="portrait" horizontalDpi="200" verticalDpi="20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5BF5F73F546C449B1C3775F80D0B681" ma:contentTypeVersion="5" ma:contentTypeDescription="Create a new document." ma:contentTypeScope="" ma:versionID="e3e674d342b226ecb7e2dc2defca98fc">
  <xsd:schema xmlns:xsd="http://www.w3.org/2001/XMLSchema" xmlns:xs="http://www.w3.org/2001/XMLSchema" xmlns:p="http://schemas.microsoft.com/office/2006/metadata/properties" xmlns:ns2="3E6C4D2C-9925-4D28-9349-9744CD06214E" xmlns:ns3="3e6c4d2c-9925-4d28-9349-9744cd06214e" targetNamespace="http://schemas.microsoft.com/office/2006/metadata/properties" ma:root="true" ma:fieldsID="5301a4234852ab6d4bc64b2cbda9cf79" ns2:_="" ns3:_="">
    <xsd:import namespace="3E6C4D2C-9925-4D28-9349-9744CD06214E"/>
    <xsd:import namespace="3e6c4d2c-9925-4d28-9349-9744cd06214e"/>
    <xsd:element name="properties">
      <xsd:complexType>
        <xsd:sequence>
          <xsd:element name="documentManagement">
            <xsd:complexType>
              <xsd:all>
                <xsd:element ref="ns2:Region" minOccurs="0"/>
                <xsd:element ref="ns2:Solution" minOccurs="0"/>
                <xsd:element ref="ns2:SAP_x0020_Activate_x0020_Phase" minOccurs="0"/>
                <xsd:element ref="ns2:SAP_x0020_Activate_x0020_Workstream" minOccurs="0"/>
                <xsd:element ref="ns2:MediaServiceMetadata" minOccurs="0"/>
                <xsd:element ref="ns2:MediaServiceFastMetadata" minOccurs="0"/>
                <xsd:element ref="ns2:DeploymentStartDate" minOccurs="0"/>
                <xsd:element ref="ns2:CustomTag" minOccurs="0"/>
                <xsd:element ref="ns3:MediaServiceAutoKeyPoints" minOccurs="0"/>
                <xsd:element ref="ns3:MediaServiceKeyPoints" minOccurs="0"/>
                <xsd:element ref="ns3:MediaServiceAutoTags" minOccurs="0"/>
                <xsd:element ref="ns3:MediaServiceGenerationTime" minOccurs="0"/>
                <xsd:element ref="ns3: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6C4D2C-9925-4D28-9349-9744CD06214E" elementFormDefault="qualified">
    <xsd:import namespace="http://schemas.microsoft.com/office/2006/documentManagement/types"/>
    <xsd:import namespace="http://schemas.microsoft.com/office/infopath/2007/PartnerControls"/>
    <xsd:element name="Region" ma:index="8" nillable="true" ma:displayName="Region" ma:internalName="Region">
      <xsd:complexType>
        <xsd:complexContent>
          <xsd:extension base="dms:MultiChoice">
            <xsd:sequence>
              <xsd:element name="Value" maxOccurs="unbounded" minOccurs="0" nillable="true">
                <xsd:simpleType>
                  <xsd:restriction base="dms:Choice">
                    <xsd:enumeration value="NA"/>
                    <xsd:enumeration value="EMEA/MEE"/>
                    <xsd:enumeration value="AFRICA"/>
                    <xsd:enumeration value="MENA"/>
                    <xsd:enumeration value="BRAZIL"/>
                    <xsd:enumeration value="LATAM"/>
                    <xsd:enumeration value="ANZ"/>
                    <xsd:enumeration value="JAPAN"/>
                    <xsd:enumeration value="KOREA"/>
                    <xsd:enumeration value="SE ASIA"/>
                    <xsd:enumeration value="CHINA"/>
                    <xsd:enumeration value="INDIA"/>
                  </xsd:restriction>
                </xsd:simpleType>
              </xsd:element>
            </xsd:sequence>
          </xsd:extension>
        </xsd:complexContent>
      </xsd:complexType>
    </xsd:element>
    <xsd:element name="Solution" ma:index="9" nillable="true" ma:displayName="Solution" ma:internalName="Solution">
      <xsd:complexType>
        <xsd:complexContent>
          <xsd:extension base="dms:MultiChoice">
            <xsd:sequence>
              <xsd:element name="Value" maxOccurs="unbounded" minOccurs="0" nillable="true">
                <xsd:simpleType>
                  <xsd:restriction base="dms:Choice">
                    <xsd:enumeration value="Procurement"/>
                    <xsd:enumeration value="Strategic Sourcing"/>
                    <xsd:enumeration value="Spend Analysis"/>
                    <xsd:enumeration value="Network Enablement"/>
                    <xsd:enumeration value="Supply Chain Collaboration"/>
                    <xsd:enumeration value="Payables"/>
                    <xsd:enumeration value="Invoice Conversion Services"/>
                    <xsd:enumeration value="Supplier Management"/>
                  </xsd:restriction>
                </xsd:simpleType>
              </xsd:element>
            </xsd:sequence>
          </xsd:extension>
        </xsd:complexContent>
      </xsd:complexType>
    </xsd:element>
    <xsd:element name="SAP_x0020_Activate_x0020_Phase" ma:index="10" nillable="true" ma:displayName="SAP Activate Phase" ma:internalName="SAP_x0020_Activate_x0020_Phase">
      <xsd:complexType>
        <xsd:complexContent>
          <xsd:extension base="dms:MultiChoice">
            <xsd:sequence>
              <xsd:element name="Value" maxOccurs="unbounded" minOccurs="0" nillable="true">
                <xsd:simpleType>
                  <xsd:restriction base="dms:Choice">
                    <xsd:enumeration value="Prepare"/>
                    <xsd:enumeration value="Explore"/>
                    <xsd:enumeration value="Realize"/>
                    <xsd:enumeration value="Deploy"/>
                    <xsd:enumeration value="Run"/>
                  </xsd:restriction>
                </xsd:simpleType>
              </xsd:element>
            </xsd:sequence>
          </xsd:extension>
        </xsd:complexContent>
      </xsd:complexType>
    </xsd:element>
    <xsd:element name="SAP_x0020_Activate_x0020_Workstream" ma:index="11" nillable="true" ma:displayName="SAP Activate Workstream" ma:internalName="SAP_x0020_Activate_x0020_Workstream">
      <xsd:complexType>
        <xsd:complexContent>
          <xsd:extension base="dms:MultiChoice">
            <xsd:sequence>
              <xsd:element name="Value" maxOccurs="unbounded" minOccurs="0" nillable="true">
                <xsd:simpleType>
                  <xsd:restriction base="dms:Choice">
                    <xsd:enumeration value="Project Management"/>
                    <xsd:enumeration value="Application: Solution Adoption"/>
                    <xsd:enumeration value="Application: Customer Team Enablement"/>
                    <xsd:enumeration value="Application: Design and Configuration"/>
                    <xsd:enumeration value="Application: Integration"/>
                    <xsd:enumeration value="Application: Testing"/>
                    <xsd:enumeration value="Custom Code Extensions"/>
                    <xsd:enumeration value="Technical Architecture and Infrastructure"/>
                    <xsd:enumeration value="System Data Migration"/>
                    <xsd:enumeration value="Transition to Operations"/>
                  </xsd:restriction>
                </xsd:simpleType>
              </xsd:element>
            </xsd:sequence>
          </xsd:extension>
        </xsd:complexContent>
      </xsd:complexType>
    </xsd:element>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DeploymentStartDate" ma:index="14" nillable="true" ma:displayName="Deployment Start Date" ma:format="DateOnly" ma:indexed="true" ma:internalName="DeploymentStartDate">
      <xsd:simpleType>
        <xsd:restriction base="dms:DateTime"/>
      </xsd:simpleType>
    </xsd:element>
    <xsd:element name="CustomTag" ma:index="15" nillable="true" ma:displayName="Custom Tag" ma:indexed="true" ma:internalName="CustomTag">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e6c4d2c-9925-4d28-9349-9744cd06214e" elementFormDefault="qualified">
    <xsd:import namespace="http://schemas.microsoft.com/office/2006/documentManagement/types"/>
    <xsd:import namespace="http://schemas.microsoft.com/office/infopath/2007/PartnerControls"/>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element name="MediaServiceAutoTags" ma:index="18" nillable="true" ma:displayName="Tags" ma:internalName="MediaServiceAutoTags"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olution xmlns="3E6C4D2C-9925-4D28-9349-9744CD06214E"/>
    <DeploymentStartDate xmlns="3E6C4D2C-9925-4D28-9349-9744CD06214E" xsi:nil="true"/>
    <CustomTag xmlns="3E6C4D2C-9925-4D28-9349-9744CD06214E" xsi:nil="true"/>
    <SAP_x0020_Activate_x0020_Phase xmlns="3E6C4D2C-9925-4D28-9349-9744CD06214E"/>
    <Region xmlns="3E6C4D2C-9925-4D28-9349-9744CD06214E"/>
    <SAP_x0020_Activate_x0020_Workstream xmlns="3E6C4D2C-9925-4D28-9349-9744CD06214E"/>
  </documentManagement>
</p:properties>
</file>

<file path=customXml/itemProps1.xml><?xml version="1.0" encoding="utf-8"?>
<ds:datastoreItem xmlns:ds="http://schemas.openxmlformats.org/officeDocument/2006/customXml" ds:itemID="{06C9B8D4-97CF-4886-AD27-623B292CFA56}"/>
</file>

<file path=customXml/itemProps2.xml><?xml version="1.0" encoding="utf-8"?>
<ds:datastoreItem xmlns:ds="http://schemas.openxmlformats.org/officeDocument/2006/customXml" ds:itemID="{20EAF908-575B-49BF-AFE2-2741C103B8C3}"/>
</file>

<file path=customXml/itemProps3.xml><?xml version="1.0" encoding="utf-8"?>
<ds:datastoreItem xmlns:ds="http://schemas.openxmlformats.org/officeDocument/2006/customXml" ds:itemID="{70E96118-3792-4154-9E1F-FC6143D0E153}"/>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4</vt:i4>
      </vt:variant>
    </vt:vector>
  </HeadingPairs>
  <TitlesOfParts>
    <vt:vector size="4" baseType="lpstr">
      <vt:lpstr>1-850</vt:lpstr>
      <vt:lpstr>2-810</vt:lpstr>
      <vt:lpstr>3-855</vt:lpstr>
      <vt:lpstr>4-856</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lison Briggs</dc:creator>
  <cp:lastModifiedBy>D'Alonzo, John</cp:lastModifiedBy>
  <dcterms:created xsi:type="dcterms:W3CDTF">2013-05-13T12:04:47Z</dcterms:created>
  <dcterms:modified xsi:type="dcterms:W3CDTF">2020-01-13T18:02: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D5BF5F73F546C449B1C3775F80D0B681</vt:lpwstr>
  </property>
</Properties>
</file>